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185_2022 Monitorovacia centrála a monitor\02. Príprava\05. PTK\01. Odoslanie PTK\"/>
    </mc:Choice>
  </mc:AlternateContent>
  <bookViews>
    <workbookView xWindow="0" yWindow="0" windowWidth="28800" windowHeight="12435"/>
  </bookViews>
  <sheets>
    <sheet name="Cenová ponuka" sheetId="8" r:id="rId1"/>
  </sheets>
  <definedNames>
    <definedName name="_xlnm.Print_Area" localSheetId="0">'Cenová ponuka'!$A$1:$E$20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36" uniqueCount="25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v čase od 08:00 hod. do 14:30 hod.,</t>
  </si>
  <si>
    <t>3.</t>
  </si>
  <si>
    <t xml:space="preserve">Objednávateľ zabezpečí za účelom prevzatia zariadenia prístup pre osoby poverené dodávateľom na čas nevyhnutný na vyloženie, kompletizáciu a inštaláciu zariadenia. </t>
  </si>
  <si>
    <t>4.</t>
  </si>
  <si>
    <t>5.</t>
  </si>
  <si>
    <t>6.</t>
  </si>
  <si>
    <t>7.</t>
  </si>
  <si>
    <t>8.</t>
  </si>
  <si>
    <t>9.</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1.</t>
  </si>
  <si>
    <t>12.</t>
  </si>
  <si>
    <t>13.</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dodávky a zabudovanie náhradných dielov, ktoré sú potrebné k riadnej a bezporuchovej prevádzke zariadnia, vrátane demontáže, odvozu a likvidácie použitého a nepotrebného spotrebného materiálu, náplní a náhradných dielov,</t>
  </si>
  <si>
    <t>vykonanie ďalších servisných úkonov a činností predpísaných príslušnou právnou úpravou a aplikovateľnými normami,</t>
  </si>
  <si>
    <t>14.</t>
  </si>
  <si>
    <t>15.</t>
  </si>
  <si>
    <t>16.</t>
  </si>
  <si>
    <t>17.</t>
  </si>
  <si>
    <t>Dodávateľ je povinný počas trvania záručnej doby odstrániť vady v nasledujúcich lehotách od nástupu na opravu:</t>
  </si>
  <si>
    <t>18.</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21.</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23.</t>
  </si>
  <si>
    <t>24.</t>
  </si>
  <si>
    <t>25.</t>
  </si>
  <si>
    <t xml:space="preserve">Požadované minimálne osobitné požiadavky na predmet zákazky:
</t>
  </si>
  <si>
    <t>10.</t>
  </si>
  <si>
    <t>26.</t>
  </si>
  <si>
    <t>P.č.</t>
  </si>
  <si>
    <t>14.1</t>
  </si>
  <si>
    <t>14.2</t>
  </si>
  <si>
    <t>14.3</t>
  </si>
  <si>
    <t>Položka č.1</t>
  </si>
  <si>
    <t>Položka č.2</t>
  </si>
  <si>
    <t>Položka č.3</t>
  </si>
  <si>
    <t>Položka č.4</t>
  </si>
  <si>
    <t>Možnnosť sledovania parametrov v reálnom čase, trendov a podpora pri prekladaní pacienta v rámci siete.</t>
  </si>
  <si>
    <t>Možnosť zadania komplexných údajov o pacientovi (meno, identifikačné číslo, hmotnosť, výška, dátum narodenia, pohlavie).</t>
  </si>
  <si>
    <t>Požaduje sa uzatvorenie kúpnej zmluvy.</t>
  </si>
  <si>
    <t>2.1</t>
  </si>
  <si>
    <t>2.2</t>
  </si>
  <si>
    <t>2.3</t>
  </si>
  <si>
    <t>2.4</t>
  </si>
  <si>
    <t>2.5</t>
  </si>
  <si>
    <t>2.6</t>
  </si>
  <si>
    <t>33195000-3 - Systém monitorovania pacientov</t>
  </si>
  <si>
    <t>51410000-9 - Inštalácia lekárskych zariadení</t>
  </si>
  <si>
    <t>50421000-2 - Opravy a údržba lekárskych zariadení</t>
  </si>
  <si>
    <t xml:space="preserve">Monitory slúžia na zaznamenávanie a vyhodnocovanie vitálnych funkcií pacienta a to (EKG, SpO2, TT, NIBP, 2xIBP), ktoré sú dátovou sieťou prenášané do centrálneho monitorovacieho systému. </t>
  </si>
  <si>
    <t>Monitorovacia centrála a monitory vitálnych funkcií</t>
  </si>
  <si>
    <t>Modulárny monitor vitálnych funkcií, vrátane základného modulu pre monitorovanie EKG, SpO2, TT, NIBP, 2xIBP, teplota</t>
  </si>
  <si>
    <t>Transportný zásuvný modul monitora vitálnych funkcií s obrazovkou, vrátane základného modulu pre monitorovanie EKG, SpO2, TT, NIBP</t>
  </si>
  <si>
    <t>Modulárny prenosný monitor vitálnych funkcií s 12 zvod. EKG, NIBP, SpO2 a s odnímateľnou defibrilačnou jednotkou</t>
  </si>
  <si>
    <t>Položka č. 1 - Modulárny monitor vitálnych funkcií, vrátane základného modulu pre monitorovanie EKG, SpO2, TT, NIBP, 2xIBP, teplota</t>
  </si>
  <si>
    <t>Meranie EKG 3/5 zvodové s výberom zvodov.</t>
  </si>
  <si>
    <t>Meranie pulzov pri  neinvazívnom krvnom tlaku min. v rozsahu</t>
  </si>
  <si>
    <t>Monitor vitálnych funkcií so základným modulom musí umožňovať monitorovanie: EKG (ST segment), resp., Sp02, neinv.TK, 2x IBP, teplota</t>
  </si>
  <si>
    <t>Analýza arytmií (asystola, brady, tachy, ventr.fibrilácia/tachycardia) a analýza ST segmentu</t>
  </si>
  <si>
    <t>Meranie Qt/Qtc intervalu</t>
  </si>
  <si>
    <t>Neinvazívny krvný tlak spustiteľný aj s centrálnej stanice s možnosťou voľby intervalu pravidelných  meraní, manuálne merania, možnosť merania v 4 rôznych nastaviteľných sekvenciách</t>
  </si>
  <si>
    <t>Monitor vitálnych funkcií musí mať výstup na externý displej</t>
  </si>
  <si>
    <t>Monitor vitálnych funkcií musí mať možnosť pripojenia čítačky čiarových kódov</t>
  </si>
  <si>
    <t>Monitor vitálnych funkcií musí byť kompatibilný s protokolom HL7</t>
  </si>
  <si>
    <t>Monitor musí byť schopný prepojenia s ventilátormi pre UPV</t>
  </si>
  <si>
    <t>Monitor musí byť schopný prepojenia monitorov do centrálnej stanice káblom alebo bezdrôtovo</t>
  </si>
  <si>
    <t>Minimálne príslušenstvo k monitorom vitálnych funkcií - senzory a káble pre monitorovanie vitálnych funkcií: EKG (3 alebo 5 zvodové), Neinv.TK, Sp02 senzor, teplotná sonda</t>
  </si>
  <si>
    <t>Modul musí byť schopný kontinuálneho monitorovania pacienta počas transportu s následným prenosom údajov do modulárneho monitora</t>
  </si>
  <si>
    <t>Modul musí byť schopný priameho pripojenia do ľubovoľného monitora VF opísaného v položke č.1 bez prepojovacích káblov</t>
  </si>
  <si>
    <t>Rotácia obrazovky (zobrazovaných údajov) podľa polohy modulu pre uľahčenie pozoravania pre obsluhujúci personál</t>
  </si>
  <si>
    <t>Nabíjanie modulu je priamo z monitora VF alebo dokovacej stanice</t>
  </si>
  <si>
    <t>Možnosť uchytenia na tyč</t>
  </si>
  <si>
    <r>
      <t xml:space="preserve">Váha prístroja s batériou </t>
    </r>
    <r>
      <rPr>
        <b/>
        <sz val="10"/>
        <color theme="1"/>
        <rFont val="Arial"/>
        <family val="2"/>
        <charset val="238"/>
      </rPr>
      <t>max. 8 kg</t>
    </r>
  </si>
  <si>
    <r>
      <t xml:space="preserve">Výdrž na internú batériu </t>
    </r>
    <r>
      <rPr>
        <b/>
        <sz val="10"/>
        <color theme="1"/>
        <rFont val="Arial"/>
        <family val="2"/>
        <charset val="238"/>
      </rPr>
      <t>min. 2 hod.</t>
    </r>
  </si>
  <si>
    <r>
      <t xml:space="preserve">Monitor vitálnych funkcií musí mať rozlíšené alarmy vizuálne aj akusticky </t>
    </r>
    <r>
      <rPr>
        <b/>
        <sz val="10"/>
        <color theme="1"/>
        <rFont val="Arial"/>
        <family val="2"/>
        <charset val="238"/>
      </rPr>
      <t xml:space="preserve">minimálne do 2 úrovní </t>
    </r>
    <r>
      <rPr>
        <sz val="10"/>
        <color theme="1"/>
        <rFont val="Arial"/>
        <family val="2"/>
        <charset val="238"/>
      </rPr>
      <t>podľa priority</t>
    </r>
  </si>
  <si>
    <r>
      <t>Modul k základným monitorom umožňujúci meranie CO, CI- hemodynamiky termodilačnou metódou,</t>
    </r>
    <r>
      <rPr>
        <b/>
        <sz val="10"/>
        <rFont val="Arial"/>
        <family val="2"/>
        <charset val="238"/>
      </rPr>
      <t xml:space="preserve"> 2 ks</t>
    </r>
  </si>
  <si>
    <t>S možnosťou 12 simultánnych zvodov pri meraní EKG</t>
  </si>
  <si>
    <t>Napájanie zo sieťového zdroja 230 V AC</t>
  </si>
  <si>
    <t>Meranie saturácie kyslíkom SPO2 so snímačmi pre všetky vekové a hmotnostné skupiny</t>
  </si>
  <si>
    <t>Neinvazívny tlak krvi (NIBP) s manžetami pre všetky vekové a hmotnostné skupiny, s možnosťou priebežného sledovania tlaku krvi</t>
  </si>
  <si>
    <t>Ponuka predkonfigurovaného zobrazenia displeja</t>
  </si>
  <si>
    <t>Automatické meranie impedancie pri použití defibrilačných elektród</t>
  </si>
  <si>
    <t>Menu prístroja musí byť  v slovenskom jazyku</t>
  </si>
  <si>
    <t>Funkcia metronómu pri KPR s možnosťou vypnutia</t>
  </si>
  <si>
    <t>Modulárny systém prístroja s oddelením zobrazovacej jednotky od defibrilačnej jednotky</t>
  </si>
  <si>
    <t>Termo tlačiareň - 3 stôp súčasne</t>
  </si>
  <si>
    <t>Užívateľom konfigurovateľné rozloženie parametrov a kriviek na displeji</t>
  </si>
  <si>
    <t>Počítačovo riadený batériový manažment automaticky zabezpečujúci pravidelné vybíjanie a nabíjanie</t>
  </si>
  <si>
    <t>Ochranná brašna chrániaca prístroj a zároveň slúžiaca na uskladnenie príslušenstva</t>
  </si>
  <si>
    <t>Položka č. 2 -  Transportný zásuvný modul monitora vitálnych funkcií s obrazovkou, vrátane základného modulu pre monitorovanie EKG, SpO2, TT, NIBP</t>
  </si>
  <si>
    <r>
      <t xml:space="preserve">Zobrazenia a tlač záznamu EKG krivky pacienta - </t>
    </r>
    <r>
      <rPr>
        <b/>
        <sz val="11"/>
        <color theme="1"/>
        <rFont val="Arial"/>
        <family val="2"/>
        <charset val="238"/>
      </rPr>
      <t>počet zvodov min. 12</t>
    </r>
  </si>
  <si>
    <r>
      <t xml:space="preserve">Hmotnosť celého prístroja bez príslušenstva (vrátane batérii)- </t>
    </r>
    <r>
      <rPr>
        <b/>
        <sz val="11"/>
        <color theme="1"/>
        <rFont val="Arial"/>
        <family val="2"/>
        <charset val="238"/>
      </rPr>
      <t>max. 8 kg</t>
    </r>
  </si>
  <si>
    <r>
      <t>Nárazu odolný prístroj s certifikátom. Odolnosť voči vode a prachu -</t>
    </r>
    <r>
      <rPr>
        <b/>
        <sz val="11"/>
        <color theme="1"/>
        <rFont val="Arial"/>
        <family val="2"/>
        <charset val="238"/>
      </rPr>
      <t xml:space="preserve"> min. IP55</t>
    </r>
  </si>
  <si>
    <r>
      <t xml:space="preserve">Veľkosť farebnej podsvietenej LCD obrazovky - </t>
    </r>
    <r>
      <rPr>
        <b/>
        <sz val="11"/>
        <color theme="1"/>
        <rFont val="Arial"/>
        <family val="2"/>
        <charset val="238"/>
      </rPr>
      <t>min. 8 palcov</t>
    </r>
  </si>
  <si>
    <r>
      <t xml:space="preserve">Veľkosť farebnej a dotykovej obrazovky - </t>
    </r>
    <r>
      <rPr>
        <b/>
        <sz val="10"/>
        <rFont val="Arial"/>
        <family val="2"/>
        <charset val="238"/>
      </rPr>
      <t>min. 15 palcov</t>
    </r>
  </si>
  <si>
    <r>
      <t xml:space="preserve">Počet vstupov pre zásuvné moduly - </t>
    </r>
    <r>
      <rPr>
        <b/>
        <sz val="10"/>
        <color theme="1"/>
        <rFont val="Arial"/>
        <family val="2"/>
        <charset val="238"/>
      </rPr>
      <t>min. 4 ks</t>
    </r>
  </si>
  <si>
    <r>
      <t xml:space="preserve">Počet súčasne zobrazovaných kriviek - </t>
    </r>
    <r>
      <rPr>
        <b/>
        <sz val="10"/>
        <color theme="1"/>
        <rFont val="Arial"/>
        <family val="2"/>
        <charset val="238"/>
      </rPr>
      <t>min. 4 ks</t>
    </r>
  </si>
  <si>
    <r>
      <t xml:space="preserve">Pamäť trendov v monitore - </t>
    </r>
    <r>
      <rPr>
        <b/>
        <sz val="10"/>
        <color theme="1"/>
        <rFont val="Arial"/>
        <family val="2"/>
        <charset val="238"/>
      </rPr>
      <t>min. 48 hod.</t>
    </r>
  </si>
  <si>
    <r>
      <t>Rozsah merania HR</t>
    </r>
    <r>
      <rPr>
        <b/>
        <sz val="10"/>
        <color theme="1"/>
        <rFont val="Arial"/>
        <family val="2"/>
        <charset val="238"/>
      </rPr>
      <t xml:space="preserve"> minimálne</t>
    </r>
    <r>
      <rPr>
        <sz val="10"/>
        <color theme="1"/>
        <rFont val="Arial"/>
        <family val="2"/>
        <charset val="238"/>
      </rPr>
      <t xml:space="preserve"> v rozsahu</t>
    </r>
    <r>
      <rPr>
        <b/>
        <sz val="10"/>
        <color theme="1"/>
        <rFont val="Arial"/>
        <family val="2"/>
        <charset val="238"/>
      </rPr>
      <t xml:space="preserve"> 15 - 300 bmp</t>
    </r>
  </si>
  <si>
    <r>
      <t xml:space="preserve">Respirácia so zobrazením krivky aj hodnoty (impedančne z EKG zvodov) (dospelý/dieťa) </t>
    </r>
    <r>
      <rPr>
        <b/>
        <sz val="10"/>
        <color theme="1"/>
        <rFont val="Arial"/>
        <family val="2"/>
        <charset val="238"/>
      </rPr>
      <t>minimálne</t>
    </r>
    <r>
      <rPr>
        <sz val="10"/>
        <color theme="1"/>
        <rFont val="Arial"/>
        <family val="2"/>
        <charset val="238"/>
      </rPr>
      <t xml:space="preserve"> v rozsahu </t>
    </r>
    <r>
      <rPr>
        <b/>
        <sz val="10"/>
        <color theme="1"/>
        <rFont val="Arial"/>
        <family val="2"/>
        <charset val="238"/>
      </rPr>
      <t xml:space="preserve"> 0 - 150 dych/min</t>
    </r>
  </si>
  <si>
    <r>
      <t xml:space="preserve">Meranie pulzov pri  neinvazívnom krvnom tlaku </t>
    </r>
    <r>
      <rPr>
        <b/>
        <sz val="10"/>
        <color theme="1"/>
        <rFont val="Arial"/>
        <family val="2"/>
        <charset val="238"/>
      </rPr>
      <t>min.</t>
    </r>
    <r>
      <rPr>
        <sz val="10"/>
        <color theme="1"/>
        <rFont val="Arial"/>
        <family val="2"/>
        <charset val="238"/>
      </rPr>
      <t xml:space="preserve"> v rozsahu</t>
    </r>
    <r>
      <rPr>
        <b/>
        <sz val="10"/>
        <color theme="1"/>
        <rFont val="Arial"/>
        <family val="2"/>
        <charset val="238"/>
      </rPr>
      <t xml:space="preserve"> 40-300  úderov za minútu</t>
    </r>
  </si>
  <si>
    <r>
      <t xml:space="preserve">Uhlopriečka obrazovky - </t>
    </r>
    <r>
      <rPr>
        <b/>
        <sz val="10"/>
        <color theme="1"/>
        <rFont val="Arial"/>
        <family val="2"/>
        <charset val="238"/>
      </rPr>
      <t>min. 15 cm</t>
    </r>
  </si>
  <si>
    <r>
      <t xml:space="preserve">Hmotnosť samotnej defibrilačnej jednotky (vrátane batérii)  - </t>
    </r>
    <r>
      <rPr>
        <b/>
        <sz val="11"/>
        <color theme="1"/>
        <rFont val="Arial"/>
        <family val="2"/>
        <charset val="238"/>
      </rPr>
      <t>max. 4 kg</t>
    </r>
  </si>
  <si>
    <r>
      <t>Bifázický defibrilátor s výbojom v rozsahu -</t>
    </r>
    <r>
      <rPr>
        <b/>
        <sz val="11"/>
        <color theme="1"/>
        <rFont val="Arial"/>
        <family val="2"/>
        <charset val="238"/>
      </rPr>
      <t xml:space="preserve"> min. 2 - 200 J</t>
    </r>
  </si>
  <si>
    <r>
      <t xml:space="preserve">Defibrilácia pomocou bezpečnostných lopatiek alebo jednorazových elektród pre všetky vekové skupiny s prepojovacím káblom </t>
    </r>
    <r>
      <rPr>
        <b/>
        <sz val="11"/>
        <color theme="1"/>
        <rFont val="Arial"/>
        <family val="2"/>
        <charset val="238"/>
      </rPr>
      <t>min 1m dĺžka</t>
    </r>
  </si>
  <si>
    <r>
      <t>Pamäťové úložisko na archiváciu údajov -</t>
    </r>
    <r>
      <rPr>
        <b/>
        <sz val="11"/>
        <color theme="1"/>
        <rFont val="Arial"/>
        <family val="2"/>
        <charset val="238"/>
      </rPr>
      <t xml:space="preserve"> CF karta</t>
    </r>
  </si>
  <si>
    <t>Potlačenie všetkých alarmov priamo z centrálne stanice (pre všetky úrovne alarmu) bez nutnosti potlačenia alarmu priamo na monitore VF</t>
  </si>
  <si>
    <t>Spustenie merania NIBP pre jednotlivé monitory  priamo z centrálnej stanice</t>
  </si>
  <si>
    <t>Centrálna stanica musí umožňovať zobrazenie všetkých meraných parametrov jednotlivých lôžkových monitorov súčasne</t>
  </si>
  <si>
    <t>Centrálny stanica: musí obojsmerne komunikovať s lôžkovými a diagnostickými monitormi pre diaľkové ovládanie a zadávanie pacientskych údajov a alarmových hraníc s ich následným zobrazením na lôžkovom monitore</t>
  </si>
  <si>
    <t>Centrálna stanica: musí umožniť prístup do nemocničnej siete v HL7 medicínskom protokole.</t>
  </si>
  <si>
    <t>Monitorovací systém musí byť schopný prepojenia monitorov do centrálnej stanice káblom alebo bezdrôtovo</t>
  </si>
  <si>
    <t>Monitorovací systém musí umožňovať využitie existujúcej nemocničnej siete pre pripojenie monitorov a centrálnej stanice</t>
  </si>
  <si>
    <t>Monitorovací systém musí mať vlastný zálohový zdroj elektrickej energie</t>
  </si>
  <si>
    <r>
      <t>počet monitorov vitálnych funkcií pripojiteľných a zároveň zobrazených na centrálnej stanici -</t>
    </r>
    <r>
      <rPr>
        <b/>
        <sz val="11"/>
        <color theme="1"/>
        <rFont val="Arial"/>
        <family val="2"/>
        <charset val="238"/>
      </rPr>
      <t xml:space="preserve"> min. 6 ks</t>
    </r>
  </si>
  <si>
    <r>
      <t xml:space="preserve">veľkosť farebnej obrazovky - </t>
    </r>
    <r>
      <rPr>
        <b/>
        <sz val="11"/>
        <color theme="1"/>
        <rFont val="Arial"/>
        <family val="2"/>
        <charset val="238"/>
      </rPr>
      <t>min. 22 palcov</t>
    </r>
  </si>
  <si>
    <r>
      <t>pamäť trendov -</t>
    </r>
    <r>
      <rPr>
        <b/>
        <sz val="11"/>
        <color theme="1"/>
        <rFont val="Arial"/>
        <family val="2"/>
        <charset val="238"/>
      </rPr>
      <t xml:space="preserve"> min. 7 dní</t>
    </r>
  </si>
  <si>
    <r>
      <t xml:space="preserve">pamäť plnej EKG krivky so spätným prezeraním - </t>
    </r>
    <r>
      <rPr>
        <b/>
        <sz val="11"/>
        <color theme="1"/>
        <rFont val="Arial"/>
        <family val="2"/>
        <charset val="238"/>
      </rPr>
      <t>min. 240 hod.</t>
    </r>
  </si>
  <si>
    <r>
      <t xml:space="preserve">laserová tlačiareň pre tlačenie z centrálnej stanoce a monitorov VF na kancelársky papier - </t>
    </r>
    <r>
      <rPr>
        <b/>
        <sz val="11"/>
        <color theme="1"/>
        <rFont val="Arial"/>
        <family val="2"/>
        <charset val="238"/>
      </rPr>
      <t>min. A4</t>
    </r>
  </si>
  <si>
    <t>14.4</t>
  </si>
  <si>
    <t>14.5</t>
  </si>
  <si>
    <t>14.6</t>
  </si>
  <si>
    <t>14.7</t>
  </si>
  <si>
    <t>14.8</t>
  </si>
  <si>
    <t>14.9</t>
  </si>
  <si>
    <t>16.1</t>
  </si>
  <si>
    <t>16.2</t>
  </si>
  <si>
    <t>17.1</t>
  </si>
  <si>
    <t>17.2</t>
  </si>
  <si>
    <t xml:space="preserve">22. </t>
  </si>
  <si>
    <t>Požaduje sa dodanie zariadenia:</t>
  </si>
  <si>
    <t>do tridsiatich (30) pracovných dní od dňa nadobudnutia účinnosti zmluvy resp. odo dňa doručenia Oznámenia o splnení objednávateľom stanovených podmienok a požiadaviek na predmet zákazky dodávateľovi (ďalej len "Oznámenie"),</t>
  </si>
  <si>
    <t>v pracovných dňoch (do termínu sa nezapočítavajú dni pracovného voľna, pracovného pokoja a štátne sviatky),</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predávajúci rozhodne kupujúcemu poskytnúť zľavu za tzv. predčasnú úhradu (t.j. úhradu pred uplynutím lehoty splatnosti), uvedie výšku %, v akej bude zľava z fakturovanej sumy poskytnutá. Ak takúto zľavu predávajúci nechce poskytnúť, uvedie 0%.</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oprava vady, pri ktorej nie je potrebná dodávka náhradného dielu najneskôr do sedemdesiatichdvoch (72) hodín,</t>
  </si>
  <si>
    <t>oprava vady s dodávkou náhradného dielu najneskôr do stodvadsiatich (120) hodín, resp. v závažných prípadoch v termíne po dohode s objednávateľom.</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nedodržanie dohodnutých lehôt na odstránenie vady: 10,- € (desať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oboznámil s Etickým kódexom obchodných partnerov objednávateľa zverejnenom na www.vusch.sk. Požaduje sa dodržiavanie etických zásad uvedených v Etickom kódexe objednávateľa.</t>
  </si>
  <si>
    <t>V prípade, ak sa na predmet zákazky vykonala prípravná trhová konzultácia, informácie k prípravnej trhovej konzultácie verejný obstarávateľ zverejňuje na www.vusch.sk/verejne-obstaravanie/.</t>
  </si>
  <si>
    <t>xxx</t>
  </si>
  <si>
    <r>
      <t xml:space="preserve">Pulzná oxymetria  kompatibilná v rozsahu </t>
    </r>
    <r>
      <rPr>
        <b/>
        <sz val="10"/>
        <color theme="1"/>
        <rFont val="Arial"/>
        <family val="2"/>
        <charset val="238"/>
      </rPr>
      <t>minimálne  0 - 100 %</t>
    </r>
  </si>
  <si>
    <t xml:space="preserve">Monitor vitálnych funkcií musí umožňovať priame pripojenie modulov: IBP modul, GAS modul, CO2 modul </t>
  </si>
  <si>
    <t>Položka č. 3 - Modulárny prenosný monitor vitálnych funkcií s 12 zvod. EKG, NIBP, SpO2 a s odnímateľnou defibrilačnou jednotkou</t>
  </si>
  <si>
    <t>Položka č. 4 -  Monitorovacia centrála pre monitory uvedené v položke 1 pre 10 pacientov (monitorov)</t>
  </si>
  <si>
    <r>
      <t>Počet zobrazených kriviek -</t>
    </r>
    <r>
      <rPr>
        <b/>
        <sz val="10"/>
        <color theme="1"/>
        <rFont val="Arial"/>
        <family val="2"/>
        <charset val="238"/>
      </rPr>
      <t>min. 3</t>
    </r>
  </si>
  <si>
    <r>
      <t xml:space="preserve">Prevádzka na internú batériu - </t>
    </r>
    <r>
      <rPr>
        <b/>
        <sz val="10"/>
        <color theme="1"/>
        <rFont val="Arial"/>
        <family val="2"/>
        <charset val="238"/>
      </rPr>
      <t>min. 4 hodiny</t>
    </r>
  </si>
  <si>
    <r>
      <t>Hmotnosť modulu s batériou a rukoväťou na prenášanie -</t>
    </r>
    <r>
      <rPr>
        <b/>
        <sz val="10"/>
        <color theme="1"/>
        <rFont val="Arial"/>
        <family val="2"/>
        <charset val="238"/>
      </rPr>
      <t xml:space="preserve"> max. 1,5 kg</t>
    </r>
  </si>
  <si>
    <r>
      <t xml:space="preserve">Rozsah merania HR minimálne v rozsahu - </t>
    </r>
    <r>
      <rPr>
        <b/>
        <sz val="10"/>
        <color theme="1"/>
        <rFont val="Arial"/>
        <family val="2"/>
        <charset val="238"/>
      </rPr>
      <t>15 - 300 bmp</t>
    </r>
  </si>
  <si>
    <r>
      <t xml:space="preserve">Respirácia so zobrazením krivky aj hodnoty (impedančne z EKG zvodov) (dospelý/dieťa) minimálne v rozsahu - </t>
    </r>
    <r>
      <rPr>
        <b/>
        <sz val="10"/>
        <color theme="1"/>
        <rFont val="Arial"/>
        <family val="2"/>
        <charset val="238"/>
      </rPr>
      <t>0 - 150 dych/min</t>
    </r>
  </si>
  <si>
    <r>
      <t xml:space="preserve">Pulzná oxymetria kompatibilná v rozsahu </t>
    </r>
    <r>
      <rPr>
        <b/>
        <sz val="10"/>
        <color theme="1"/>
        <rFont val="Arial"/>
        <family val="2"/>
        <charset val="238"/>
      </rPr>
      <t>minimálne</t>
    </r>
    <r>
      <rPr>
        <sz val="10"/>
        <color theme="1"/>
        <rFont val="Arial"/>
        <family val="2"/>
        <charset val="238"/>
      </rPr>
      <t xml:space="preserve">  </t>
    </r>
    <r>
      <rPr>
        <b/>
        <sz val="10"/>
        <color theme="1"/>
        <rFont val="Arial"/>
        <family val="2"/>
        <charset val="238"/>
      </rPr>
      <t>0-100 %</t>
    </r>
  </si>
  <si>
    <r>
      <t xml:space="preserve">Počet výbojov na jednu nabitú batériu - </t>
    </r>
    <r>
      <rPr>
        <b/>
        <sz val="11"/>
        <color theme="1"/>
        <rFont val="Arial"/>
        <family val="2"/>
        <charset val="238"/>
      </rPr>
      <t>min. 200 (počet)</t>
    </r>
  </si>
  <si>
    <r>
      <t xml:space="preserve">Monitor vitálnych funkcií s odnímateľnou defibrilačnou jednotkou s možnosťou využitia režimu AED. </t>
    </r>
    <r>
      <rPr>
        <b/>
        <sz val="11"/>
        <color theme="1"/>
        <rFont val="Arial"/>
        <family val="2"/>
        <charset val="238"/>
      </rPr>
      <t>Textová a hlasová navigácia v režime AED musí byť v slovenskom jazyku</t>
    </r>
  </si>
  <si>
    <t>Monitorovacia centrála pre monitory uvedené v položke 1 pre 10 pacientov (monitorov) - centrálny monitor</t>
  </si>
  <si>
    <t>Centrálny monitor 1 ks</t>
  </si>
  <si>
    <t>Počet monitorov - 6 ks</t>
  </si>
  <si>
    <t>Počet monitorov - 1 ks</t>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1"/>
      <color theme="1"/>
      <name val="Arial"/>
      <family val="2"/>
      <charset val="238"/>
    </font>
    <font>
      <sz val="8"/>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0"/>
      <color rgb="FF000000"/>
      <name val="Arial"/>
      <family val="2"/>
      <charset val="238"/>
    </font>
    <font>
      <i/>
      <sz val="10"/>
      <color rgb="FF000000"/>
      <name val="Arial"/>
      <family val="2"/>
      <charset val="238"/>
    </font>
    <font>
      <b/>
      <sz val="11"/>
      <color theme="1"/>
      <name val="Arial"/>
      <family val="2"/>
      <charset val="238"/>
    </font>
    <font>
      <sz val="11"/>
      <name val="Arial"/>
      <family val="2"/>
      <charset val="238"/>
    </font>
    <font>
      <i/>
      <sz val="10"/>
      <color theme="1"/>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style="thin">
        <color auto="1"/>
      </left>
      <right style="dotted">
        <color auto="1"/>
      </right>
      <top/>
      <bottom style="dotted">
        <color auto="1"/>
      </bottom>
      <diagonal/>
    </border>
    <border>
      <left/>
      <right style="medium">
        <color auto="1"/>
      </right>
      <top style="thin">
        <color indexed="64"/>
      </top>
      <bottom style="thin">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indexed="64"/>
      </left>
      <right style="thin">
        <color indexed="64"/>
      </right>
      <top/>
      <bottom style="thin">
        <color indexed="64"/>
      </bottom>
      <diagonal/>
    </border>
    <border>
      <left style="thin">
        <color auto="1"/>
      </left>
      <right style="medium">
        <color indexed="64"/>
      </right>
      <top/>
      <bottom style="thin">
        <color auto="1"/>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thin">
        <color auto="1"/>
      </top>
      <bottom/>
      <diagonal/>
    </border>
    <border>
      <left style="medium">
        <color auto="1"/>
      </left>
      <right style="thin">
        <color auto="1"/>
      </right>
      <top style="thin">
        <color auto="1"/>
      </top>
      <bottom style="medium">
        <color indexed="64"/>
      </bottom>
      <diagonal/>
    </border>
    <border>
      <left/>
      <right style="thin">
        <color auto="1"/>
      </right>
      <top style="thin">
        <color auto="1"/>
      </top>
      <bottom style="medium">
        <color indexed="64"/>
      </bottom>
      <diagonal/>
    </border>
    <border>
      <left/>
      <right/>
      <top/>
      <bottom style="thin">
        <color auto="1"/>
      </bottom>
      <diagonal/>
    </border>
    <border>
      <left style="medium">
        <color auto="1"/>
      </left>
      <right/>
      <top style="thin">
        <color auto="1"/>
      </top>
      <bottom style="thin">
        <color indexed="64"/>
      </bottom>
      <diagonal/>
    </border>
    <border>
      <left/>
      <right style="thin">
        <color auto="1"/>
      </right>
      <top/>
      <bottom style="thin">
        <color auto="1"/>
      </bottom>
      <diagonal/>
    </border>
    <border>
      <left/>
      <right/>
      <top style="thin">
        <color auto="1"/>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0" xfId="0" applyNumberFormat="1" applyFont="1" applyFill="1" applyBorder="1" applyAlignment="1">
      <alignment horizontal="center" vertical="center" wrapText="1"/>
    </xf>
    <xf numFmtId="49" fontId="2" fillId="0" borderId="16"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7" xfId="0" applyFont="1" applyBorder="1" applyAlignment="1">
      <alignment vertical="center" wrapText="1"/>
    </xf>
    <xf numFmtId="0" fontId="2" fillId="0" borderId="17" xfId="0" applyFont="1" applyFill="1" applyBorder="1" applyAlignment="1">
      <alignment horizontal="center" vertical="center" wrapText="1"/>
    </xf>
    <xf numFmtId="0" fontId="2" fillId="3" borderId="17" xfId="0" applyFont="1" applyFill="1" applyBorder="1" applyAlignment="1">
      <alignment horizontal="left" vertical="top" wrapText="1"/>
    </xf>
    <xf numFmtId="0" fontId="2" fillId="3" borderId="17" xfId="0" applyFont="1" applyFill="1" applyBorder="1" applyAlignment="1">
      <alignment horizontal="center" vertical="top" wrapText="1"/>
    </xf>
    <xf numFmtId="0" fontId="12" fillId="0" borderId="0" xfId="0" applyFont="1" applyAlignment="1">
      <alignment horizontal="center" vertical="top" wrapText="1"/>
    </xf>
    <xf numFmtId="0" fontId="12"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2"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2"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4" fillId="0" borderId="31"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5" xfId="0" applyNumberFormat="1" applyFont="1" applyBorder="1" applyAlignment="1">
      <alignment horizontal="center" vertical="center" wrapText="1"/>
    </xf>
    <xf numFmtId="0" fontId="7" fillId="0" borderId="22" xfId="0" applyNumberFormat="1" applyFont="1" applyBorder="1" applyAlignment="1">
      <alignment horizontal="center" vertical="center" wrapText="1"/>
    </xf>
    <xf numFmtId="0" fontId="7" fillId="0" borderId="28" xfId="0" applyNumberFormat="1" applyFont="1" applyBorder="1" applyAlignment="1">
      <alignment horizontal="center" vertical="center" wrapText="1"/>
    </xf>
    <xf numFmtId="0" fontId="7" fillId="2" borderId="17" xfId="5" applyFont="1" applyFill="1" applyBorder="1" applyAlignment="1">
      <alignment horizontal="right" vertical="center" wrapText="1"/>
    </xf>
    <xf numFmtId="49" fontId="2" fillId="0" borderId="9" xfId="0" applyNumberFormat="1" applyFont="1" applyFill="1" applyBorder="1" applyAlignment="1">
      <alignment horizontal="center" vertical="center" wrapText="1"/>
    </xf>
    <xf numFmtId="0" fontId="7" fillId="0" borderId="32" xfId="0" applyNumberFormat="1" applyFont="1" applyBorder="1" applyAlignment="1">
      <alignment horizontal="center" vertical="center" wrapText="1"/>
    </xf>
    <xf numFmtId="0" fontId="7" fillId="0" borderId="17" xfId="0" applyNumberFormat="1" applyFont="1" applyBorder="1" applyAlignment="1">
      <alignment horizontal="center" vertical="center" wrapText="1"/>
    </xf>
    <xf numFmtId="0" fontId="7" fillId="0" borderId="33" xfId="0" applyNumberFormat="1" applyFont="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2" fillId="0" borderId="48" xfId="0" applyFont="1" applyFill="1" applyBorder="1" applyAlignment="1">
      <alignment horizontal="left" vertical="center" wrapText="1"/>
    </xf>
    <xf numFmtId="0" fontId="3" fillId="0" borderId="39"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13"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3" fillId="0" borderId="0" xfId="0" applyNumberFormat="1" applyFont="1" applyBorder="1" applyAlignment="1">
      <alignment horizontal="left" wrapText="1"/>
    </xf>
    <xf numFmtId="14" fontId="13" fillId="0" borderId="0" xfId="0" applyNumberFormat="1" applyFont="1" applyBorder="1" applyAlignment="1">
      <alignment horizontal="left" vertical="top" wrapText="1"/>
    </xf>
    <xf numFmtId="0" fontId="7" fillId="0" borderId="49" xfId="0" applyNumberFormat="1" applyFont="1" applyBorder="1" applyAlignment="1">
      <alignment horizontal="center" vertical="center" wrapText="1"/>
    </xf>
    <xf numFmtId="0" fontId="12" fillId="0" borderId="0" xfId="0" applyFont="1" applyAlignment="1">
      <alignment vertical="center" wrapText="1"/>
    </xf>
    <xf numFmtId="0" fontId="4" fillId="0" borderId="0" xfId="0" applyFont="1" applyFill="1" applyAlignment="1">
      <alignment horizontal="left" vertical="center" wrapText="1"/>
    </xf>
    <xf numFmtId="0" fontId="4" fillId="0" borderId="17" xfId="0" applyFont="1" applyFill="1" applyBorder="1" applyAlignment="1">
      <alignment horizontal="left" vertical="center" wrapText="1"/>
    </xf>
    <xf numFmtId="0" fontId="19" fillId="0" borderId="17" xfId="0" applyFont="1" applyBorder="1" applyAlignment="1">
      <alignment horizontal="center" vertical="center" wrapText="1"/>
    </xf>
    <xf numFmtId="49" fontId="20" fillId="0" borderId="8" xfId="0" applyNumberFormat="1" applyFont="1" applyFill="1" applyBorder="1" applyAlignment="1">
      <alignment horizontal="center" vertical="center" wrapText="1"/>
    </xf>
    <xf numFmtId="49" fontId="20" fillId="0" borderId="44" xfId="0" applyNumberFormat="1" applyFont="1" applyFill="1" applyBorder="1" applyAlignment="1">
      <alignment horizontal="center" vertical="center" wrapText="1"/>
    </xf>
    <xf numFmtId="49" fontId="20" fillId="0" borderId="43" xfId="0" applyNumberFormat="1" applyFont="1" applyFill="1" applyBorder="1" applyAlignment="1">
      <alignment horizontal="right" vertical="center" wrapText="1"/>
    </xf>
    <xf numFmtId="49" fontId="20" fillId="0" borderId="46" xfId="0" applyNumberFormat="1" applyFont="1" applyFill="1" applyBorder="1" applyAlignment="1">
      <alignment horizontal="right" vertical="center" wrapText="1"/>
    </xf>
    <xf numFmtId="49" fontId="20" fillId="0" borderId="10" xfId="0" applyNumberFormat="1" applyFont="1" applyFill="1" applyBorder="1" applyAlignment="1">
      <alignment horizontal="right" vertical="center" wrapText="1"/>
    </xf>
    <xf numFmtId="49" fontId="20" fillId="0" borderId="42" xfId="0" applyNumberFormat="1" applyFont="1" applyFill="1" applyBorder="1" applyAlignment="1">
      <alignment horizontal="right" vertical="center" wrapText="1"/>
    </xf>
    <xf numFmtId="49" fontId="20" fillId="0" borderId="11" xfId="0" applyNumberFormat="1" applyFont="1" applyFill="1" applyBorder="1" applyAlignment="1">
      <alignment horizontal="center" vertical="center" wrapText="1"/>
    </xf>
    <xf numFmtId="49" fontId="20" fillId="0" borderId="45" xfId="0" applyNumberFormat="1" applyFont="1" applyFill="1" applyBorder="1" applyAlignment="1">
      <alignment horizontal="center" vertical="center" wrapText="1"/>
    </xf>
    <xf numFmtId="49" fontId="20" fillId="0" borderId="40" xfId="0" applyNumberFormat="1" applyFont="1" applyFill="1" applyBorder="1" applyAlignment="1">
      <alignment horizontal="right" vertical="center" wrapText="1"/>
    </xf>
    <xf numFmtId="49" fontId="21" fillId="0" borderId="11" xfId="0" applyNumberFormat="1" applyFont="1" applyFill="1" applyBorder="1" applyAlignment="1">
      <alignment horizontal="center" vertical="center" wrapText="1"/>
    </xf>
    <xf numFmtId="49" fontId="21" fillId="0" borderId="44" xfId="0" applyNumberFormat="1" applyFont="1" applyFill="1" applyBorder="1" applyAlignment="1">
      <alignment horizontal="center" vertical="center" wrapText="1"/>
    </xf>
    <xf numFmtId="49" fontId="21" fillId="0" borderId="10" xfId="0" applyNumberFormat="1" applyFont="1" applyFill="1" applyBorder="1" applyAlignment="1">
      <alignment horizontal="right" vertical="center" wrapText="1"/>
    </xf>
    <xf numFmtId="49" fontId="21" fillId="0" borderId="42" xfId="0" applyNumberFormat="1" applyFont="1" applyFill="1" applyBorder="1" applyAlignment="1">
      <alignment horizontal="right" vertical="center" wrapText="1"/>
    </xf>
    <xf numFmtId="49" fontId="21" fillId="0" borderId="9" xfId="0" applyNumberFormat="1" applyFont="1" applyFill="1" applyBorder="1" applyAlignment="1">
      <alignment horizontal="right" vertical="center" wrapText="1"/>
    </xf>
    <xf numFmtId="49" fontId="21" fillId="0" borderId="42" xfId="0" applyNumberFormat="1" applyFont="1" applyFill="1" applyBorder="1" applyAlignment="1">
      <alignment horizontal="center" vertical="center" wrapText="1"/>
    </xf>
    <xf numFmtId="49" fontId="20" fillId="0" borderId="42" xfId="0" applyNumberFormat="1" applyFont="1" applyFill="1" applyBorder="1" applyAlignment="1">
      <alignment horizontal="center" vertical="center" wrapText="1"/>
    </xf>
    <xf numFmtId="49" fontId="20" fillId="0" borderId="11" xfId="0" applyNumberFormat="1" applyFont="1" applyBorder="1" applyAlignment="1">
      <alignment horizontal="center" vertical="center"/>
    </xf>
    <xf numFmtId="49" fontId="17" fillId="0" borderId="11" xfId="0" applyNumberFormat="1" applyFont="1" applyBorder="1" applyAlignment="1">
      <alignment horizontal="center" vertical="center"/>
    </xf>
    <xf numFmtId="0" fontId="4" fillId="6" borderId="27" xfId="0" applyFont="1" applyFill="1" applyBorder="1" applyAlignment="1">
      <alignment horizontal="left" vertical="center" wrapText="1"/>
    </xf>
    <xf numFmtId="0" fontId="4" fillId="6" borderId="38" xfId="0" applyFont="1" applyFill="1" applyBorder="1" applyAlignment="1">
      <alignment horizontal="left" vertical="center" wrapText="1"/>
    </xf>
    <xf numFmtId="0" fontId="4" fillId="6" borderId="39"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6" borderId="5" xfId="0" applyFont="1" applyFill="1" applyBorder="1" applyAlignment="1">
      <alignment horizontal="left" vertical="center" wrapText="1"/>
    </xf>
    <xf numFmtId="0" fontId="16" fillId="6" borderId="0" xfId="0" applyFont="1" applyFill="1" applyBorder="1" applyAlignment="1">
      <alignment horizontal="justify" vertical="center"/>
    </xf>
    <xf numFmtId="0" fontId="4" fillId="6" borderId="17" xfId="0" applyFont="1" applyFill="1" applyBorder="1" applyAlignment="1">
      <alignment horizontal="left" vertical="center" wrapText="1"/>
    </xf>
    <xf numFmtId="0" fontId="4" fillId="6" borderId="51" xfId="0" applyFont="1" applyFill="1" applyBorder="1" applyAlignment="1">
      <alignment horizontal="left" vertical="center" wrapText="1"/>
    </xf>
    <xf numFmtId="0" fontId="4" fillId="6" borderId="55" xfId="0" applyFont="1" applyFill="1" applyBorder="1" applyAlignment="1">
      <alignment horizontal="left" vertical="center" wrapText="1"/>
    </xf>
    <xf numFmtId="0" fontId="4" fillId="6" borderId="41" xfId="0" applyFont="1" applyFill="1" applyBorder="1" applyAlignment="1">
      <alignment horizontal="left" vertical="center" wrapText="1"/>
    </xf>
    <xf numFmtId="0" fontId="4" fillId="6" borderId="56" xfId="0" applyFont="1" applyFill="1" applyBorder="1" applyAlignment="1">
      <alignment horizontal="left" vertical="center" wrapText="1"/>
    </xf>
    <xf numFmtId="49" fontId="2" fillId="0" borderId="5" xfId="0" applyNumberFormat="1" applyFont="1" applyBorder="1" applyAlignment="1">
      <alignment vertical="center" wrapText="1"/>
    </xf>
    <xf numFmtId="49" fontId="2" fillId="0" borderId="29" xfId="0" applyNumberFormat="1" applyFont="1" applyBorder="1" applyAlignment="1">
      <alignment vertical="center" wrapText="1"/>
    </xf>
    <xf numFmtId="49" fontId="2" fillId="0" borderId="5"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51" xfId="0" applyNumberFormat="1" applyFont="1" applyBorder="1" applyAlignment="1">
      <alignment vertical="center" wrapText="1"/>
    </xf>
    <xf numFmtId="49" fontId="2" fillId="0" borderId="52" xfId="0" applyNumberFormat="1" applyFont="1" applyBorder="1" applyAlignment="1">
      <alignment vertical="center" wrapText="1"/>
    </xf>
    <xf numFmtId="49" fontId="2" fillId="0" borderId="17"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20"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1" xfId="0" applyFont="1" applyFill="1" applyBorder="1" applyAlignment="1">
      <alignment horizontal="center" vertical="top" wrapText="1"/>
    </xf>
    <xf numFmtId="0" fontId="3" fillId="2" borderId="20"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7" xfId="0" applyNumberFormat="1" applyFont="1" applyBorder="1" applyAlignment="1">
      <alignment vertical="center" wrapText="1"/>
    </xf>
    <xf numFmtId="49" fontId="2" fillId="0" borderId="13" xfId="0" applyNumberFormat="1" applyFont="1" applyBorder="1" applyAlignment="1">
      <alignment vertical="center" wrapText="1"/>
    </xf>
    <xf numFmtId="0" fontId="4" fillId="0" borderId="0" xfId="0" applyFont="1" applyFill="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9"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0" fontId="3" fillId="4" borderId="0" xfId="0" applyFont="1" applyFill="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17"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49" xfId="0" applyFont="1" applyFill="1" applyBorder="1" applyAlignment="1">
      <alignment horizontal="left" vertical="center" wrapText="1"/>
    </xf>
    <xf numFmtId="0" fontId="2" fillId="0" borderId="50" xfId="0" applyFont="1" applyFill="1" applyBorder="1" applyAlignment="1">
      <alignment horizontal="left" vertical="center" wrapText="1"/>
    </xf>
    <xf numFmtId="0" fontId="14" fillId="0" borderId="7" xfId="0" applyFont="1" applyBorder="1" applyAlignment="1">
      <alignment horizontal="center"/>
    </xf>
    <xf numFmtId="0" fontId="13"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3" fillId="0" borderId="0" xfId="5" applyFont="1" applyAlignment="1">
      <alignment horizontal="center" vertical="center" wrapText="1"/>
    </xf>
    <xf numFmtId="0" fontId="7" fillId="0" borderId="0" xfId="5" applyFont="1" applyAlignment="1">
      <alignment horizontal="center" vertical="top" wrapText="1"/>
    </xf>
    <xf numFmtId="0" fontId="11" fillId="0" borderId="17" xfId="0" applyFont="1" applyFill="1" applyBorder="1" applyAlignment="1">
      <alignment horizontal="left" vertical="center" wrapText="1"/>
    </xf>
    <xf numFmtId="0" fontId="11" fillId="0" borderId="13"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7"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33" xfId="0" applyNumberFormat="1" applyFont="1" applyBorder="1" applyAlignment="1">
      <alignment vertical="center" wrapText="1"/>
    </xf>
    <xf numFmtId="49" fontId="2" fillId="0" borderId="34" xfId="0" applyNumberFormat="1" applyFont="1" applyBorder="1" applyAlignment="1">
      <alignment vertical="center" wrapText="1"/>
    </xf>
    <xf numFmtId="0" fontId="12"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2" fillId="2" borderId="23" xfId="0" applyNumberFormat="1" applyFont="1" applyFill="1" applyBorder="1" applyAlignment="1">
      <alignment horizontal="center" vertical="center" wrapText="1"/>
    </xf>
    <xf numFmtId="49" fontId="2" fillId="2" borderId="24"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left" wrapText="1"/>
    </xf>
    <xf numFmtId="16" fontId="21" fillId="0" borderId="16" xfId="0" applyNumberFormat="1" applyFont="1" applyBorder="1" applyAlignment="1">
      <alignment horizontal="center" vertical="center" wrapText="1"/>
    </xf>
    <xf numFmtId="0" fontId="7" fillId="0" borderId="58" xfId="0" applyNumberFormat="1" applyFont="1" applyBorder="1" applyAlignment="1">
      <alignment horizontal="center" vertical="center" wrapText="1"/>
    </xf>
    <xf numFmtId="49" fontId="4" fillId="0" borderId="29" xfId="0" applyNumberFormat="1" applyFont="1" applyBorder="1" applyAlignment="1">
      <alignment vertical="center" wrapText="1"/>
    </xf>
    <xf numFmtId="0" fontId="2" fillId="0" borderId="6" xfId="0" applyFont="1" applyBorder="1" applyAlignment="1">
      <alignment vertical="center"/>
    </xf>
    <xf numFmtId="0" fontId="2" fillId="0" borderId="6" xfId="0" applyFont="1" applyBorder="1" applyAlignment="1">
      <alignment vertical="center" wrapText="1"/>
    </xf>
    <xf numFmtId="0" fontId="2" fillId="0" borderId="6" xfId="0" applyFont="1" applyFill="1" applyBorder="1" applyAlignment="1">
      <alignment vertical="center" wrapText="1"/>
    </xf>
    <xf numFmtId="0" fontId="4" fillId="0" borderId="6" xfId="0" applyFont="1" applyBorder="1" applyAlignment="1">
      <alignment vertical="center" wrapText="1"/>
    </xf>
    <xf numFmtId="49" fontId="17" fillId="0" borderId="57" xfId="0" applyNumberFormat="1" applyFont="1" applyBorder="1" applyAlignment="1">
      <alignment horizontal="center" vertical="center"/>
    </xf>
    <xf numFmtId="0" fontId="10" fillId="0" borderId="6" xfId="0" applyFont="1" applyBorder="1" applyAlignment="1">
      <alignment vertical="center"/>
    </xf>
    <xf numFmtId="0" fontId="10" fillId="0" borderId="6" xfId="0" applyFont="1" applyBorder="1" applyAlignment="1">
      <alignment vertical="center" wrapText="1"/>
    </xf>
    <xf numFmtId="0" fontId="10" fillId="0" borderId="58" xfId="0" applyFont="1" applyBorder="1" applyAlignment="1">
      <alignment vertical="center" wrapText="1"/>
    </xf>
    <xf numFmtId="49" fontId="5" fillId="0" borderId="59" xfId="0" applyNumberFormat="1" applyFont="1" applyFill="1" applyBorder="1" applyAlignment="1">
      <alignment horizontal="left" vertical="center" wrapText="1"/>
    </xf>
    <xf numFmtId="49" fontId="5" fillId="0" borderId="52" xfId="0" applyNumberFormat="1" applyFont="1" applyFill="1" applyBorder="1" applyAlignment="1">
      <alignment horizontal="left" vertical="center" wrapText="1"/>
    </xf>
    <xf numFmtId="49" fontId="20" fillId="0" borderId="42" xfId="0" applyNumberFormat="1" applyFont="1" applyBorder="1" applyAlignment="1">
      <alignment horizontal="center" vertical="center"/>
    </xf>
    <xf numFmtId="0" fontId="10" fillId="0" borderId="61" xfId="0" applyFont="1" applyBorder="1" applyAlignment="1">
      <alignment vertical="center" wrapText="1"/>
    </xf>
    <xf numFmtId="49" fontId="5" fillId="0" borderId="60" xfId="0" applyNumberFormat="1" applyFont="1" applyFill="1" applyBorder="1" applyAlignment="1">
      <alignment horizontal="left" vertical="center" wrapText="1"/>
    </xf>
    <xf numFmtId="49" fontId="5" fillId="0" borderId="62" xfId="0" applyNumberFormat="1"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5</xdr:row>
          <xdr:rowOff>28575</xdr:rowOff>
        </xdr:from>
        <xdr:to>
          <xdr:col>0</xdr:col>
          <xdr:colOff>533400</xdr:colOff>
          <xdr:row>26</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6</xdr:row>
          <xdr:rowOff>28575</xdr:rowOff>
        </xdr:from>
        <xdr:to>
          <xdr:col>0</xdr:col>
          <xdr:colOff>542925</xdr:colOff>
          <xdr:row>27</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5</xdr:row>
          <xdr:rowOff>38100</xdr:rowOff>
        </xdr:from>
        <xdr:to>
          <xdr:col>0</xdr:col>
          <xdr:colOff>533400</xdr:colOff>
          <xdr:row>36</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6</xdr:row>
          <xdr:rowOff>0</xdr:rowOff>
        </xdr:from>
        <xdr:to>
          <xdr:col>0</xdr:col>
          <xdr:colOff>523875</xdr:colOff>
          <xdr:row>36</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220"/>
  <sheetViews>
    <sheetView showGridLines="0" tabSelected="1" zoomScale="90" zoomScaleNormal="90" workbookViewId="0">
      <selection activeCell="A8" sqref="A8:E8"/>
    </sheetView>
  </sheetViews>
  <sheetFormatPr defaultColWidth="9.140625" defaultRowHeight="12.75" x14ac:dyDescent="0.2"/>
  <cols>
    <col min="1" max="1" width="14" style="1" customWidth="1"/>
    <col min="2" max="2" width="73.5703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9" t="s">
        <v>51</v>
      </c>
      <c r="B1" s="149"/>
      <c r="C1" s="149"/>
      <c r="D1" s="149"/>
      <c r="E1" s="149"/>
    </row>
    <row r="2" spans="1:5" ht="27.75" customHeight="1" x14ac:dyDescent="0.2">
      <c r="A2" s="148" t="s">
        <v>48</v>
      </c>
      <c r="B2" s="148"/>
      <c r="C2" s="148"/>
      <c r="D2" s="148"/>
      <c r="E2" s="148"/>
    </row>
    <row r="3" spans="1:5" ht="56.1" customHeight="1" x14ac:dyDescent="0.2">
      <c r="A3" s="155" t="s">
        <v>55</v>
      </c>
      <c r="B3" s="155"/>
      <c r="C3" s="155"/>
      <c r="D3" s="155"/>
      <c r="E3" s="155"/>
    </row>
    <row r="4" spans="1:5" ht="24.95" customHeight="1" x14ac:dyDescent="0.2">
      <c r="A4" s="47" t="s">
        <v>54</v>
      </c>
      <c r="B4" s="59"/>
      <c r="C4" s="41"/>
      <c r="D4" s="41"/>
      <c r="E4" s="41"/>
    </row>
    <row r="5" spans="1:5" ht="24.95" customHeight="1" x14ac:dyDescent="0.2">
      <c r="A5" s="47" t="s">
        <v>52</v>
      </c>
      <c r="B5" s="60"/>
      <c r="C5" s="41"/>
      <c r="D5" s="41"/>
      <c r="E5" s="41"/>
    </row>
    <row r="6" spans="1:5" ht="5.0999999999999996" customHeight="1" x14ac:dyDescent="0.2">
      <c r="A6" s="41"/>
      <c r="B6" s="41"/>
      <c r="C6" s="41"/>
      <c r="D6" s="41"/>
      <c r="E6" s="41"/>
    </row>
    <row r="7" spans="1:5" s="2" customFormat="1" ht="20.100000000000001" customHeight="1" x14ac:dyDescent="0.25">
      <c r="A7" s="121" t="s">
        <v>4</v>
      </c>
      <c r="B7" s="121"/>
      <c r="C7" s="121"/>
      <c r="D7" s="121"/>
      <c r="E7" s="121"/>
    </row>
    <row r="8" spans="1:5" s="2" customFormat="1" ht="20.100000000000001" customHeight="1" x14ac:dyDescent="0.25">
      <c r="A8" s="156" t="s">
        <v>8</v>
      </c>
      <c r="B8" s="156"/>
      <c r="C8" s="156"/>
      <c r="D8" s="156"/>
      <c r="E8" s="156"/>
    </row>
    <row r="9" spans="1:5" ht="24.95" customHeight="1" x14ac:dyDescent="0.2">
      <c r="A9" s="157" t="s">
        <v>120</v>
      </c>
      <c r="B9" s="157"/>
      <c r="C9" s="157"/>
      <c r="D9" s="157"/>
      <c r="E9" s="157"/>
    </row>
    <row r="10" spans="1:5" ht="4.5" customHeight="1" x14ac:dyDescent="0.2">
      <c r="A10" s="43"/>
      <c r="B10" s="43"/>
      <c r="C10" s="43"/>
      <c r="D10" s="43"/>
      <c r="E10" s="43"/>
    </row>
    <row r="11" spans="1:5" s="2" customFormat="1" ht="20.100000000000001" customHeight="1" x14ac:dyDescent="0.25">
      <c r="A11" s="158" t="s">
        <v>9</v>
      </c>
      <c r="B11" s="158"/>
      <c r="C11" s="158"/>
      <c r="D11" s="158"/>
      <c r="E11" s="158"/>
    </row>
    <row r="12" spans="1:5" s="2" customFormat="1" ht="24.95" customHeight="1" x14ac:dyDescent="0.2">
      <c r="A12" s="117" t="s">
        <v>116</v>
      </c>
      <c r="B12" s="117"/>
      <c r="C12" s="117"/>
      <c r="D12" s="17"/>
      <c r="E12" s="17"/>
    </row>
    <row r="13" spans="1:5" s="2" customFormat="1" ht="24.95" customHeight="1" x14ac:dyDescent="0.2">
      <c r="A13" s="117" t="s">
        <v>117</v>
      </c>
      <c r="B13" s="117"/>
      <c r="C13" s="65"/>
      <c r="D13" s="17"/>
      <c r="E13" s="17"/>
    </row>
    <row r="14" spans="1:5" s="2" customFormat="1" ht="24.95" customHeight="1" x14ac:dyDescent="0.2">
      <c r="A14" s="117" t="s">
        <v>118</v>
      </c>
      <c r="B14" s="117"/>
      <c r="C14" s="65"/>
      <c r="D14" s="17"/>
      <c r="E14" s="17"/>
    </row>
    <row r="15" spans="1:5" s="3" customFormat="1" ht="20.100000000000001" customHeight="1" x14ac:dyDescent="0.25">
      <c r="A15" s="159" t="s">
        <v>25</v>
      </c>
      <c r="B15" s="159"/>
      <c r="C15" s="159"/>
      <c r="D15" s="23"/>
      <c r="E15" s="24"/>
    </row>
    <row r="16" spans="1:5" ht="4.5" customHeight="1" x14ac:dyDescent="0.2">
      <c r="A16" s="43"/>
      <c r="B16" s="43"/>
      <c r="C16" s="43"/>
      <c r="D16" s="43"/>
      <c r="E16" s="43"/>
    </row>
    <row r="17" spans="1:5" x14ac:dyDescent="0.2">
      <c r="A17" s="42" t="s">
        <v>10</v>
      </c>
      <c r="B17" s="25"/>
      <c r="C17" s="25"/>
      <c r="D17" s="26"/>
      <c r="E17" s="26"/>
    </row>
    <row r="18" spans="1:5" s="3" customFormat="1" ht="24.95" customHeight="1" x14ac:dyDescent="0.25">
      <c r="A18" s="165" t="s">
        <v>61</v>
      </c>
      <c r="B18" s="165"/>
      <c r="C18" s="165"/>
      <c r="D18" s="23"/>
      <c r="E18" s="24"/>
    </row>
    <row r="19" spans="1:5" ht="5.0999999999999996" customHeight="1" x14ac:dyDescent="0.2">
      <c r="A19" s="166"/>
      <c r="B19" s="166"/>
      <c r="C19" s="166"/>
      <c r="E19" s="18"/>
    </row>
    <row r="20" spans="1:5" s="2" customFormat="1" ht="20.100000000000001" customHeight="1" x14ac:dyDescent="0.25">
      <c r="A20" s="121" t="s">
        <v>22</v>
      </c>
      <c r="B20" s="121"/>
      <c r="C20" s="121"/>
      <c r="D20" s="121"/>
      <c r="E20" s="121"/>
    </row>
    <row r="21" spans="1:5" ht="24.95" customHeight="1" x14ac:dyDescent="0.2">
      <c r="A21" s="117" t="s">
        <v>119</v>
      </c>
      <c r="B21" s="117"/>
      <c r="C21" s="117"/>
      <c r="D21" s="117"/>
      <c r="E21" s="117"/>
    </row>
    <row r="22" spans="1:5" ht="5.0999999999999996" customHeight="1" x14ac:dyDescent="0.2">
      <c r="A22" s="167"/>
      <c r="B22" s="167"/>
      <c r="C22" s="167"/>
      <c r="E22" s="18"/>
    </row>
    <row r="23" spans="1:5" s="2" customFormat="1" ht="20.100000000000001" customHeight="1" x14ac:dyDescent="0.25">
      <c r="A23" s="121" t="s">
        <v>23</v>
      </c>
      <c r="B23" s="121"/>
      <c r="C23" s="121"/>
      <c r="D23" s="121"/>
      <c r="E23" s="121"/>
    </row>
    <row r="24" spans="1:5" s="9" customFormat="1" ht="20.100000000000001" customHeight="1" x14ac:dyDescent="0.25">
      <c r="A24" s="162" t="s">
        <v>5</v>
      </c>
      <c r="B24" s="162"/>
      <c r="C24" s="162"/>
      <c r="D24" s="162"/>
      <c r="E24" s="162"/>
    </row>
    <row r="25" spans="1:5" s="9" customFormat="1" ht="20.100000000000001" customHeight="1" x14ac:dyDescent="0.25">
      <c r="A25" s="150" t="s">
        <v>17</v>
      </c>
      <c r="B25" s="151"/>
      <c r="C25" s="16"/>
      <c r="D25" s="16"/>
      <c r="E25" s="16"/>
    </row>
    <row r="26" spans="1:5" s="9" customFormat="1" ht="20.100000000000001" customHeight="1" x14ac:dyDescent="0.25">
      <c r="A26" s="15"/>
      <c r="B26" s="15" t="s">
        <v>20</v>
      </c>
      <c r="C26" s="16"/>
      <c r="D26" s="16"/>
      <c r="E26" s="16"/>
    </row>
    <row r="27" spans="1:5" s="9" customFormat="1" ht="20.100000000000001" customHeight="1" x14ac:dyDescent="0.25">
      <c r="A27" s="15"/>
      <c r="B27" s="15" t="s">
        <v>21</v>
      </c>
      <c r="C27" s="16"/>
      <c r="D27" s="16"/>
      <c r="E27" s="16"/>
    </row>
    <row r="28" spans="1:5" s="9" customFormat="1" ht="20.100000000000001" customHeight="1" x14ac:dyDescent="0.25">
      <c r="A28" s="150" t="s">
        <v>18</v>
      </c>
      <c r="B28" s="151"/>
      <c r="C28" s="16"/>
      <c r="D28" s="16"/>
      <c r="E28" s="16"/>
    </row>
    <row r="29" spans="1:5" s="9" customFormat="1" ht="31.5" customHeight="1" x14ac:dyDescent="0.25">
      <c r="A29" s="21" t="s">
        <v>99</v>
      </c>
      <c r="B29" s="163" t="s">
        <v>12</v>
      </c>
      <c r="C29" s="164"/>
      <c r="D29" s="22" t="s">
        <v>11</v>
      </c>
      <c r="E29" s="22" t="s">
        <v>13</v>
      </c>
    </row>
    <row r="30" spans="1:5" s="9" customFormat="1" ht="31.5" customHeight="1" x14ac:dyDescent="0.25">
      <c r="A30" s="19" t="s">
        <v>103</v>
      </c>
      <c r="B30" s="122" t="s">
        <v>121</v>
      </c>
      <c r="C30" s="123"/>
      <c r="D30" s="20" t="s">
        <v>1</v>
      </c>
      <c r="E30" s="67">
        <v>6</v>
      </c>
    </row>
    <row r="31" spans="1:5" s="9" customFormat="1" ht="29.45" customHeight="1" x14ac:dyDescent="0.25">
      <c r="A31" s="19" t="s">
        <v>104</v>
      </c>
      <c r="B31" s="122" t="s">
        <v>122</v>
      </c>
      <c r="C31" s="123"/>
      <c r="D31" s="20" t="s">
        <v>1</v>
      </c>
      <c r="E31" s="67">
        <v>6</v>
      </c>
    </row>
    <row r="32" spans="1:5" s="9" customFormat="1" ht="27.95" customHeight="1" x14ac:dyDescent="0.25">
      <c r="A32" s="19" t="s">
        <v>105</v>
      </c>
      <c r="B32" s="122" t="s">
        <v>123</v>
      </c>
      <c r="C32" s="123"/>
      <c r="D32" s="20" t="s">
        <v>1</v>
      </c>
      <c r="E32" s="67">
        <v>1</v>
      </c>
    </row>
    <row r="33" spans="1:6" s="9" customFormat="1" ht="26.1" customHeight="1" x14ac:dyDescent="0.25">
      <c r="A33" s="19" t="s">
        <v>106</v>
      </c>
      <c r="B33" s="122" t="s">
        <v>246</v>
      </c>
      <c r="C33" s="123"/>
      <c r="D33" s="20" t="s">
        <v>1</v>
      </c>
      <c r="E33" s="67">
        <v>1</v>
      </c>
    </row>
    <row r="34" spans="1:6" s="9" customFormat="1" ht="4.5" customHeight="1" x14ac:dyDescent="0.25">
      <c r="A34" s="16"/>
      <c r="B34" s="16"/>
      <c r="C34" s="16"/>
      <c r="D34" s="16"/>
      <c r="E34" s="16"/>
    </row>
    <row r="35" spans="1:6" s="9" customFormat="1" ht="20.100000000000001" customHeight="1" x14ac:dyDescent="0.25">
      <c r="A35" s="150" t="s">
        <v>19</v>
      </c>
      <c r="B35" s="151"/>
      <c r="C35" s="16"/>
      <c r="D35" s="16"/>
      <c r="E35" s="16"/>
    </row>
    <row r="36" spans="1:6" s="9" customFormat="1" ht="20.100000000000001" customHeight="1" x14ac:dyDescent="0.2">
      <c r="A36" s="10"/>
      <c r="B36" s="9" t="s">
        <v>2</v>
      </c>
      <c r="C36" s="16"/>
      <c r="D36" s="16"/>
      <c r="E36" s="16"/>
    </row>
    <row r="37" spans="1:6" s="9" customFormat="1" ht="20.100000000000001" customHeight="1" x14ac:dyDescent="0.25">
      <c r="A37" s="15"/>
      <c r="B37" s="2" t="s">
        <v>3</v>
      </c>
      <c r="C37" s="16"/>
      <c r="D37" s="16"/>
      <c r="E37" s="16"/>
    </row>
    <row r="38" spans="1:6" ht="5.0999999999999996" customHeight="1" x14ac:dyDescent="0.2"/>
    <row r="39" spans="1:6" s="2" customFormat="1" ht="20.100000000000001" customHeight="1" x14ac:dyDescent="0.25">
      <c r="A39" s="121" t="s">
        <v>24</v>
      </c>
      <c r="B39" s="121"/>
      <c r="C39" s="121"/>
      <c r="D39" s="121"/>
      <c r="E39" s="121"/>
    </row>
    <row r="40" spans="1:6" s="2" customFormat="1" ht="5.0999999999999996" customHeight="1" thickBot="1" x14ac:dyDescent="0.3">
      <c r="A40" s="18"/>
      <c r="C40" s="6"/>
      <c r="D40" s="6"/>
      <c r="E40" s="6"/>
    </row>
    <row r="41" spans="1:6" s="3" customFormat="1" ht="93" customHeight="1" x14ac:dyDescent="0.25">
      <c r="A41" s="106" t="s">
        <v>0</v>
      </c>
      <c r="B41" s="107"/>
      <c r="C41" s="110" t="s">
        <v>26</v>
      </c>
      <c r="D41" s="111"/>
      <c r="E41" s="112"/>
      <c r="F41" s="27"/>
    </row>
    <row r="42" spans="1:6" s="3" customFormat="1" ht="30" customHeight="1" thickBot="1" x14ac:dyDescent="0.3">
      <c r="A42" s="108"/>
      <c r="B42" s="109"/>
      <c r="C42" s="28" t="s">
        <v>27</v>
      </c>
      <c r="D42" s="160" t="s">
        <v>28</v>
      </c>
      <c r="E42" s="161"/>
    </row>
    <row r="43" spans="1:6" s="29" customFormat="1" ht="31.5" customHeight="1" x14ac:dyDescent="0.25">
      <c r="A43" s="118" t="s">
        <v>124</v>
      </c>
      <c r="B43" s="119"/>
      <c r="C43" s="119"/>
      <c r="D43" s="119"/>
      <c r="E43" s="120"/>
    </row>
    <row r="44" spans="1:6" s="29" customFormat="1" ht="31.5" customHeight="1" x14ac:dyDescent="0.25">
      <c r="A44" s="183" t="s">
        <v>248</v>
      </c>
      <c r="B44" s="184"/>
      <c r="C44" s="179"/>
      <c r="D44" s="179"/>
      <c r="E44" s="180"/>
    </row>
    <row r="45" spans="1:6" s="4" customFormat="1" ht="27" customHeight="1" x14ac:dyDescent="0.25">
      <c r="A45" s="85" t="s">
        <v>15</v>
      </c>
      <c r="B45" s="170" t="s">
        <v>164</v>
      </c>
      <c r="C45" s="53"/>
      <c r="D45" s="104"/>
      <c r="E45" s="105"/>
    </row>
    <row r="46" spans="1:6" s="4" customFormat="1" ht="27" customHeight="1" x14ac:dyDescent="0.25">
      <c r="A46" s="85" t="s">
        <v>62</v>
      </c>
      <c r="B46" s="171" t="s">
        <v>165</v>
      </c>
      <c r="C46" s="53"/>
      <c r="D46" s="104"/>
      <c r="E46" s="105"/>
    </row>
    <row r="47" spans="1:6" s="4" customFormat="1" ht="27" customHeight="1" x14ac:dyDescent="0.25">
      <c r="A47" s="85" t="s">
        <v>64</v>
      </c>
      <c r="B47" s="171" t="s">
        <v>142</v>
      </c>
      <c r="C47" s="53"/>
      <c r="D47" s="104"/>
      <c r="E47" s="105"/>
    </row>
    <row r="48" spans="1:6" s="4" customFormat="1" ht="27" customHeight="1" x14ac:dyDescent="0.25">
      <c r="A48" s="85" t="s">
        <v>66</v>
      </c>
      <c r="B48" s="171" t="s">
        <v>143</v>
      </c>
      <c r="C48" s="53"/>
      <c r="D48" s="104"/>
      <c r="E48" s="105"/>
    </row>
    <row r="49" spans="1:5" s="4" customFormat="1" ht="27" customHeight="1" x14ac:dyDescent="0.25">
      <c r="A49" s="85" t="s">
        <v>67</v>
      </c>
      <c r="B49" s="171" t="s">
        <v>166</v>
      </c>
      <c r="C49" s="53"/>
      <c r="D49" s="104"/>
      <c r="E49" s="105"/>
    </row>
    <row r="50" spans="1:5" s="4" customFormat="1" ht="27" customHeight="1" x14ac:dyDescent="0.25">
      <c r="A50" s="85" t="s">
        <v>68</v>
      </c>
      <c r="B50" s="171" t="s">
        <v>167</v>
      </c>
      <c r="C50" s="53"/>
      <c r="D50" s="104"/>
      <c r="E50" s="105"/>
    </row>
    <row r="51" spans="1:5" s="4" customFormat="1" ht="27" customHeight="1" x14ac:dyDescent="0.25">
      <c r="A51" s="85" t="s">
        <v>69</v>
      </c>
      <c r="B51" s="171" t="s">
        <v>125</v>
      </c>
      <c r="C51" s="53"/>
      <c r="D51" s="104"/>
      <c r="E51" s="105"/>
    </row>
    <row r="52" spans="1:5" s="4" customFormat="1" ht="27" customHeight="1" x14ac:dyDescent="0.25">
      <c r="A52" s="85" t="s">
        <v>70</v>
      </c>
      <c r="B52" s="171" t="s">
        <v>168</v>
      </c>
      <c r="C52" s="53"/>
      <c r="D52" s="104"/>
      <c r="E52" s="105"/>
    </row>
    <row r="53" spans="1:5" s="4" customFormat="1" ht="31.5" customHeight="1" x14ac:dyDescent="0.25">
      <c r="A53" s="85" t="s">
        <v>71</v>
      </c>
      <c r="B53" s="172" t="s">
        <v>169</v>
      </c>
      <c r="C53" s="53"/>
      <c r="D53" s="104"/>
      <c r="E53" s="105"/>
    </row>
    <row r="54" spans="1:5" s="4" customFormat="1" ht="26.25" customHeight="1" x14ac:dyDescent="0.25">
      <c r="A54" s="85" t="s">
        <v>97</v>
      </c>
      <c r="B54" s="171" t="s">
        <v>234</v>
      </c>
      <c r="C54" s="53"/>
      <c r="D54" s="104"/>
      <c r="E54" s="105"/>
    </row>
    <row r="55" spans="1:5" s="4" customFormat="1" ht="31.5" customHeight="1" x14ac:dyDescent="0.25">
      <c r="A55" s="85" t="s">
        <v>73</v>
      </c>
      <c r="B55" s="172" t="s">
        <v>170</v>
      </c>
      <c r="C55" s="53"/>
      <c r="D55" s="104"/>
      <c r="E55" s="105"/>
    </row>
    <row r="56" spans="1:5" s="4" customFormat="1" ht="31.5" customHeight="1" x14ac:dyDescent="0.25">
      <c r="A56" s="85" t="s">
        <v>74</v>
      </c>
      <c r="B56" s="172" t="s">
        <v>127</v>
      </c>
      <c r="C56" s="53"/>
      <c r="D56" s="104"/>
      <c r="E56" s="105"/>
    </row>
    <row r="57" spans="1:5" s="4" customFormat="1" ht="30.75" customHeight="1" x14ac:dyDescent="0.25">
      <c r="A57" s="85" t="s">
        <v>75</v>
      </c>
      <c r="B57" s="172" t="s">
        <v>128</v>
      </c>
      <c r="C57" s="53"/>
      <c r="D57" s="104"/>
      <c r="E57" s="105"/>
    </row>
    <row r="58" spans="1:5" s="4" customFormat="1" ht="26.25" customHeight="1" x14ac:dyDescent="0.25">
      <c r="A58" s="85" t="s">
        <v>80</v>
      </c>
      <c r="B58" s="173" t="s">
        <v>129</v>
      </c>
      <c r="C58" s="53"/>
      <c r="D58" s="104"/>
      <c r="E58" s="105"/>
    </row>
    <row r="59" spans="1:5" s="4" customFormat="1" ht="41.25" customHeight="1" x14ac:dyDescent="0.25">
      <c r="A59" s="85" t="s">
        <v>81</v>
      </c>
      <c r="B59" s="172" t="s">
        <v>130</v>
      </c>
      <c r="C59" s="53"/>
      <c r="D59" s="104"/>
      <c r="E59" s="105"/>
    </row>
    <row r="60" spans="1:5" s="4" customFormat="1" ht="31.5" customHeight="1" x14ac:dyDescent="0.25">
      <c r="A60" s="85" t="s">
        <v>82</v>
      </c>
      <c r="B60" s="172" t="s">
        <v>144</v>
      </c>
      <c r="C60" s="53"/>
      <c r="D60" s="104"/>
      <c r="E60" s="105"/>
    </row>
    <row r="61" spans="1:5" s="4" customFormat="1" ht="47.25" customHeight="1" x14ac:dyDescent="0.25">
      <c r="A61" s="85" t="s">
        <v>83</v>
      </c>
      <c r="B61" s="172" t="s">
        <v>235</v>
      </c>
      <c r="C61" s="53"/>
      <c r="D61" s="104"/>
      <c r="E61" s="105"/>
    </row>
    <row r="62" spans="1:5" s="4" customFormat="1" ht="27" customHeight="1" x14ac:dyDescent="0.25">
      <c r="A62" s="85" t="s">
        <v>85</v>
      </c>
      <c r="B62" s="172" t="s">
        <v>131</v>
      </c>
      <c r="C62" s="53"/>
      <c r="D62" s="104"/>
      <c r="E62" s="105"/>
    </row>
    <row r="63" spans="1:5" s="4" customFormat="1" ht="27" customHeight="1" x14ac:dyDescent="0.25">
      <c r="A63" s="85" t="s">
        <v>87</v>
      </c>
      <c r="B63" s="172" t="s">
        <v>132</v>
      </c>
      <c r="C63" s="53"/>
      <c r="D63" s="104"/>
      <c r="E63" s="105"/>
    </row>
    <row r="64" spans="1:5" s="4" customFormat="1" ht="27" customHeight="1" x14ac:dyDescent="0.25">
      <c r="A64" s="85" t="s">
        <v>89</v>
      </c>
      <c r="B64" s="172" t="s">
        <v>133</v>
      </c>
      <c r="C64" s="53"/>
      <c r="D64" s="104"/>
      <c r="E64" s="105"/>
    </row>
    <row r="65" spans="1:5" s="4" customFormat="1" ht="27" customHeight="1" x14ac:dyDescent="0.25">
      <c r="A65" s="85" t="s">
        <v>90</v>
      </c>
      <c r="B65" s="172" t="s">
        <v>134</v>
      </c>
      <c r="C65" s="53"/>
      <c r="D65" s="104"/>
      <c r="E65" s="105"/>
    </row>
    <row r="66" spans="1:5" s="4" customFormat="1" ht="31.5" customHeight="1" x14ac:dyDescent="0.25">
      <c r="A66" s="85" t="s">
        <v>92</v>
      </c>
      <c r="B66" s="172" t="s">
        <v>135</v>
      </c>
      <c r="C66" s="53"/>
      <c r="D66" s="104"/>
      <c r="E66" s="105"/>
    </row>
    <row r="67" spans="1:5" s="4" customFormat="1" ht="42" customHeight="1" x14ac:dyDescent="0.25">
      <c r="A67" s="85" t="s">
        <v>93</v>
      </c>
      <c r="B67" s="172" t="s">
        <v>136</v>
      </c>
      <c r="C67" s="53"/>
      <c r="D67" s="104"/>
      <c r="E67" s="105"/>
    </row>
    <row r="68" spans="1:5" s="4" customFormat="1" ht="31.5" customHeight="1" thickBot="1" x14ac:dyDescent="0.3">
      <c r="A68" s="175" t="s">
        <v>94</v>
      </c>
      <c r="B68" s="174" t="s">
        <v>145</v>
      </c>
      <c r="C68" s="53"/>
      <c r="D68" s="104"/>
      <c r="E68" s="105"/>
    </row>
    <row r="69" spans="1:5" s="4" customFormat="1" ht="28.5" customHeight="1" x14ac:dyDescent="0.25">
      <c r="A69" s="118" t="s">
        <v>159</v>
      </c>
      <c r="B69" s="119"/>
      <c r="C69" s="119"/>
      <c r="D69" s="119"/>
      <c r="E69" s="120"/>
    </row>
    <row r="70" spans="1:5" s="4" customFormat="1" ht="28.5" customHeight="1" x14ac:dyDescent="0.25">
      <c r="A70" s="183" t="s">
        <v>248</v>
      </c>
      <c r="B70" s="184"/>
      <c r="C70" s="179"/>
      <c r="D70" s="179"/>
      <c r="E70" s="180"/>
    </row>
    <row r="71" spans="1:5" s="4" customFormat="1" ht="31.5" customHeight="1" x14ac:dyDescent="0.25">
      <c r="A71" s="85" t="s">
        <v>15</v>
      </c>
      <c r="B71" s="172" t="s">
        <v>137</v>
      </c>
      <c r="C71" s="53"/>
      <c r="D71" s="104"/>
      <c r="E71" s="105"/>
    </row>
    <row r="72" spans="1:5" s="4" customFormat="1" ht="31.5" customHeight="1" x14ac:dyDescent="0.25">
      <c r="A72" s="85" t="s">
        <v>62</v>
      </c>
      <c r="B72" s="172" t="s">
        <v>138</v>
      </c>
      <c r="C72" s="53"/>
      <c r="D72" s="104"/>
      <c r="E72" s="105"/>
    </row>
    <row r="73" spans="1:5" s="4" customFormat="1" ht="26.25" customHeight="1" x14ac:dyDescent="0.25">
      <c r="A73" s="85" t="s">
        <v>64</v>
      </c>
      <c r="B73" s="172" t="s">
        <v>171</v>
      </c>
      <c r="C73" s="53"/>
      <c r="D73" s="104"/>
      <c r="E73" s="105"/>
    </row>
    <row r="74" spans="1:5" s="4" customFormat="1" ht="26.25" customHeight="1" x14ac:dyDescent="0.25">
      <c r="A74" s="85" t="s">
        <v>66</v>
      </c>
      <c r="B74" s="172" t="s">
        <v>238</v>
      </c>
      <c r="C74" s="53"/>
      <c r="D74" s="104"/>
      <c r="E74" s="105"/>
    </row>
    <row r="75" spans="1:5" s="4" customFormat="1" ht="31.5" customHeight="1" x14ac:dyDescent="0.25">
      <c r="A75" s="85" t="s">
        <v>67</v>
      </c>
      <c r="B75" s="172" t="s">
        <v>139</v>
      </c>
      <c r="C75" s="53"/>
      <c r="D75" s="104"/>
      <c r="E75" s="105"/>
    </row>
    <row r="76" spans="1:5" s="4" customFormat="1" ht="27.6" customHeight="1" x14ac:dyDescent="0.25">
      <c r="A76" s="85" t="s">
        <v>68</v>
      </c>
      <c r="B76" s="172" t="s">
        <v>239</v>
      </c>
      <c r="C76" s="53"/>
      <c r="D76" s="104"/>
      <c r="E76" s="105"/>
    </row>
    <row r="77" spans="1:5" s="4" customFormat="1" ht="27.6" customHeight="1" x14ac:dyDescent="0.25">
      <c r="A77" s="85" t="s">
        <v>69</v>
      </c>
      <c r="B77" s="172" t="s">
        <v>140</v>
      </c>
      <c r="C77" s="53"/>
      <c r="D77" s="104"/>
      <c r="E77" s="105"/>
    </row>
    <row r="78" spans="1:5" s="4" customFormat="1" ht="27.6" customHeight="1" x14ac:dyDescent="0.25">
      <c r="A78" s="85" t="s">
        <v>70</v>
      </c>
      <c r="B78" s="172" t="s">
        <v>141</v>
      </c>
      <c r="C78" s="53"/>
      <c r="D78" s="104"/>
      <c r="E78" s="105"/>
    </row>
    <row r="79" spans="1:5" s="4" customFormat="1" ht="27.6" customHeight="1" x14ac:dyDescent="0.25">
      <c r="A79" s="85" t="s">
        <v>71</v>
      </c>
      <c r="B79" s="172" t="s">
        <v>240</v>
      </c>
      <c r="C79" s="53"/>
      <c r="D79" s="104"/>
      <c r="E79" s="105"/>
    </row>
    <row r="80" spans="1:5" s="4" customFormat="1" ht="27.6" customHeight="1" x14ac:dyDescent="0.25">
      <c r="A80" s="85" t="s">
        <v>97</v>
      </c>
      <c r="B80" s="171" t="s">
        <v>125</v>
      </c>
      <c r="C80" s="53"/>
      <c r="D80" s="104"/>
      <c r="E80" s="105"/>
    </row>
    <row r="81" spans="1:5" s="4" customFormat="1" ht="27.6" customHeight="1" x14ac:dyDescent="0.25">
      <c r="A81" s="85" t="s">
        <v>73</v>
      </c>
      <c r="B81" s="171" t="s">
        <v>241</v>
      </c>
      <c r="C81" s="53"/>
      <c r="D81" s="104"/>
      <c r="E81" s="105"/>
    </row>
    <row r="82" spans="1:5" s="4" customFormat="1" ht="31.5" customHeight="1" x14ac:dyDescent="0.25">
      <c r="A82" s="85" t="s">
        <v>74</v>
      </c>
      <c r="B82" s="172" t="s">
        <v>242</v>
      </c>
      <c r="C82" s="53"/>
      <c r="D82" s="104"/>
      <c r="E82" s="105"/>
    </row>
    <row r="83" spans="1:5" s="4" customFormat="1" ht="26.25" customHeight="1" x14ac:dyDescent="0.25">
      <c r="A83" s="85" t="s">
        <v>75</v>
      </c>
      <c r="B83" s="171" t="s">
        <v>243</v>
      </c>
      <c r="C83" s="53"/>
      <c r="D83" s="104"/>
      <c r="E83" s="105"/>
    </row>
    <row r="84" spans="1:5" s="4" customFormat="1" ht="26.25" customHeight="1" x14ac:dyDescent="0.25">
      <c r="A84" s="85" t="s">
        <v>80</v>
      </c>
      <c r="B84" s="171" t="s">
        <v>126</v>
      </c>
      <c r="C84" s="53"/>
      <c r="D84" s="104"/>
      <c r="E84" s="105"/>
    </row>
    <row r="85" spans="1:5" s="4" customFormat="1" ht="31.5" customHeight="1" x14ac:dyDescent="0.25">
      <c r="A85" s="85" t="s">
        <v>81</v>
      </c>
      <c r="B85" s="172" t="s">
        <v>127</v>
      </c>
      <c r="C85" s="53"/>
      <c r="D85" s="104"/>
      <c r="E85" s="105"/>
    </row>
    <row r="86" spans="1:5" s="4" customFormat="1" ht="31.5" customHeight="1" thickBot="1" x14ac:dyDescent="0.3">
      <c r="A86" s="175" t="s">
        <v>82</v>
      </c>
      <c r="B86" s="172" t="s">
        <v>128</v>
      </c>
      <c r="C86" s="53"/>
      <c r="D86" s="104"/>
      <c r="E86" s="105"/>
    </row>
    <row r="87" spans="1:5" s="4" customFormat="1" ht="27.95" customHeight="1" x14ac:dyDescent="0.25">
      <c r="A87" s="118" t="s">
        <v>236</v>
      </c>
      <c r="B87" s="119"/>
      <c r="C87" s="119"/>
      <c r="D87" s="119"/>
      <c r="E87" s="120"/>
    </row>
    <row r="88" spans="1:5" s="4" customFormat="1" ht="27.95" customHeight="1" x14ac:dyDescent="0.25">
      <c r="A88" s="183" t="s">
        <v>249</v>
      </c>
      <c r="B88" s="184"/>
      <c r="C88" s="179"/>
      <c r="D88" s="179"/>
      <c r="E88" s="180"/>
    </row>
    <row r="89" spans="1:5" s="4" customFormat="1" ht="27" customHeight="1" x14ac:dyDescent="0.25">
      <c r="A89" s="85" t="s">
        <v>15</v>
      </c>
      <c r="B89" s="176" t="s">
        <v>163</v>
      </c>
      <c r="C89" s="53"/>
      <c r="D89" s="115"/>
      <c r="E89" s="116"/>
    </row>
    <row r="90" spans="1:5" s="4" customFormat="1" ht="27" customHeight="1" x14ac:dyDescent="0.25">
      <c r="A90" s="85" t="s">
        <v>62</v>
      </c>
      <c r="B90" s="176" t="s">
        <v>160</v>
      </c>
      <c r="C90" s="53"/>
      <c r="D90" s="98"/>
      <c r="E90" s="99"/>
    </row>
    <row r="91" spans="1:5" s="4" customFormat="1" ht="27" customHeight="1" x14ac:dyDescent="0.25">
      <c r="A91" s="85" t="s">
        <v>64</v>
      </c>
      <c r="B91" s="176" t="s">
        <v>162</v>
      </c>
      <c r="C91" s="53"/>
      <c r="D91" s="98"/>
      <c r="E91" s="99"/>
    </row>
    <row r="92" spans="1:5" s="4" customFormat="1" ht="27" customHeight="1" x14ac:dyDescent="0.25">
      <c r="A92" s="85" t="s">
        <v>66</v>
      </c>
      <c r="B92" s="176" t="s">
        <v>161</v>
      </c>
      <c r="C92" s="53"/>
      <c r="D92" s="98"/>
      <c r="E92" s="99"/>
    </row>
    <row r="93" spans="1:5" s="4" customFormat="1" ht="27" customHeight="1" x14ac:dyDescent="0.25">
      <c r="A93" s="85" t="s">
        <v>67</v>
      </c>
      <c r="B93" s="176" t="s">
        <v>172</v>
      </c>
      <c r="C93" s="53"/>
      <c r="D93" s="98"/>
      <c r="E93" s="99"/>
    </row>
    <row r="94" spans="1:5" s="4" customFormat="1" ht="27" customHeight="1" x14ac:dyDescent="0.25">
      <c r="A94" s="85" t="s">
        <v>68</v>
      </c>
      <c r="B94" s="176" t="s">
        <v>244</v>
      </c>
      <c r="C94" s="53"/>
      <c r="D94" s="98"/>
      <c r="E94" s="99"/>
    </row>
    <row r="95" spans="1:5" s="4" customFormat="1" ht="27" customHeight="1" x14ac:dyDescent="0.25">
      <c r="A95" s="85" t="s">
        <v>69</v>
      </c>
      <c r="B95" s="176" t="s">
        <v>173</v>
      </c>
      <c r="C95" s="53"/>
      <c r="D95" s="98"/>
      <c r="E95" s="99"/>
    </row>
    <row r="96" spans="1:5" s="4" customFormat="1" ht="41.25" customHeight="1" x14ac:dyDescent="0.25">
      <c r="A96" s="85" t="s">
        <v>70</v>
      </c>
      <c r="B96" s="177" t="s">
        <v>245</v>
      </c>
      <c r="C96" s="53"/>
      <c r="D96" s="98"/>
      <c r="E96" s="99"/>
    </row>
    <row r="97" spans="1:5" s="4" customFormat="1" ht="31.5" customHeight="1" x14ac:dyDescent="0.25">
      <c r="A97" s="85" t="s">
        <v>71</v>
      </c>
      <c r="B97" s="177" t="s">
        <v>174</v>
      </c>
      <c r="C97" s="53"/>
      <c r="D97" s="98"/>
      <c r="E97" s="99"/>
    </row>
    <row r="98" spans="1:5" s="4" customFormat="1" ht="27" customHeight="1" x14ac:dyDescent="0.25">
      <c r="A98" s="85" t="s">
        <v>97</v>
      </c>
      <c r="B98" s="177" t="s">
        <v>146</v>
      </c>
      <c r="C98" s="53"/>
      <c r="D98" s="98"/>
      <c r="E98" s="99"/>
    </row>
    <row r="99" spans="1:5" s="4" customFormat="1" ht="27" customHeight="1" x14ac:dyDescent="0.25">
      <c r="A99" s="85" t="s">
        <v>73</v>
      </c>
      <c r="B99" s="177" t="s">
        <v>147</v>
      </c>
      <c r="C99" s="53"/>
      <c r="D99" s="98"/>
      <c r="E99" s="99"/>
    </row>
    <row r="100" spans="1:5" s="4" customFormat="1" ht="31.5" customHeight="1" x14ac:dyDescent="0.25">
      <c r="A100" s="85" t="s">
        <v>74</v>
      </c>
      <c r="B100" s="177" t="s">
        <v>148</v>
      </c>
      <c r="C100" s="53"/>
      <c r="D100" s="98"/>
      <c r="E100" s="99"/>
    </row>
    <row r="101" spans="1:5" s="4" customFormat="1" ht="31.5" customHeight="1" x14ac:dyDescent="0.25">
      <c r="A101" s="85" t="s">
        <v>75</v>
      </c>
      <c r="B101" s="177" t="s">
        <v>149</v>
      </c>
      <c r="C101" s="53"/>
      <c r="D101" s="98"/>
      <c r="E101" s="99"/>
    </row>
    <row r="102" spans="1:5" s="4" customFormat="1" ht="27" customHeight="1" x14ac:dyDescent="0.25">
      <c r="A102" s="85" t="s">
        <v>80</v>
      </c>
      <c r="B102" s="177" t="s">
        <v>150</v>
      </c>
      <c r="C102" s="53"/>
      <c r="D102" s="98"/>
      <c r="E102" s="99"/>
    </row>
    <row r="103" spans="1:5" s="4" customFormat="1" ht="27" customHeight="1" x14ac:dyDescent="0.25">
      <c r="A103" s="85" t="s">
        <v>81</v>
      </c>
      <c r="B103" s="177" t="s">
        <v>175</v>
      </c>
      <c r="C103" s="53"/>
      <c r="D103" s="98"/>
      <c r="E103" s="99"/>
    </row>
    <row r="104" spans="1:5" s="4" customFormat="1" ht="27" customHeight="1" x14ac:dyDescent="0.25">
      <c r="A104" s="85" t="s">
        <v>82</v>
      </c>
      <c r="B104" s="177" t="s">
        <v>151</v>
      </c>
      <c r="C104" s="53"/>
      <c r="D104" s="98"/>
      <c r="E104" s="99"/>
    </row>
    <row r="105" spans="1:5" s="4" customFormat="1" ht="27" customHeight="1" x14ac:dyDescent="0.25">
      <c r="A105" s="85" t="s">
        <v>83</v>
      </c>
      <c r="B105" s="177" t="s">
        <v>152</v>
      </c>
      <c r="C105" s="53"/>
      <c r="D105" s="98"/>
      <c r="E105" s="99"/>
    </row>
    <row r="106" spans="1:5" s="4" customFormat="1" ht="27" customHeight="1" x14ac:dyDescent="0.25">
      <c r="A106" s="85" t="s">
        <v>85</v>
      </c>
      <c r="B106" s="177" t="s">
        <v>153</v>
      </c>
      <c r="C106" s="53"/>
      <c r="D106" s="115"/>
      <c r="E106" s="116"/>
    </row>
    <row r="107" spans="1:5" s="4" customFormat="1" ht="31.5" customHeight="1" x14ac:dyDescent="0.25">
      <c r="A107" s="85" t="s">
        <v>87</v>
      </c>
      <c r="B107" s="177" t="s">
        <v>154</v>
      </c>
      <c r="C107" s="53"/>
      <c r="D107" s="115"/>
      <c r="E107" s="116"/>
    </row>
    <row r="108" spans="1:5" s="4" customFormat="1" ht="26.25" customHeight="1" x14ac:dyDescent="0.25">
      <c r="A108" s="85" t="s">
        <v>89</v>
      </c>
      <c r="B108" s="177" t="s">
        <v>155</v>
      </c>
      <c r="C108" s="53"/>
      <c r="D108" s="98"/>
      <c r="E108" s="99"/>
    </row>
    <row r="109" spans="1:5" s="4" customFormat="1" ht="26.25" customHeight="1" x14ac:dyDescent="0.25">
      <c r="A109" s="85" t="s">
        <v>90</v>
      </c>
      <c r="B109" s="177" t="s">
        <v>156</v>
      </c>
      <c r="C109" s="53"/>
      <c r="D109" s="102"/>
      <c r="E109" s="103"/>
    </row>
    <row r="110" spans="1:5" s="4" customFormat="1" ht="31.5" customHeight="1" x14ac:dyDescent="0.25">
      <c r="A110" s="85" t="s">
        <v>92</v>
      </c>
      <c r="B110" s="177" t="s">
        <v>157</v>
      </c>
      <c r="C110" s="53"/>
      <c r="D110" s="98"/>
      <c r="E110" s="99"/>
    </row>
    <row r="111" spans="1:5" s="4" customFormat="1" ht="31.5" customHeight="1" thickBot="1" x14ac:dyDescent="0.3">
      <c r="A111" s="175" t="s">
        <v>93</v>
      </c>
      <c r="B111" s="177" t="s">
        <v>158</v>
      </c>
      <c r="C111" s="53"/>
      <c r="D111" s="100"/>
      <c r="E111" s="101"/>
    </row>
    <row r="112" spans="1:5" s="4" customFormat="1" ht="28.5" customHeight="1" x14ac:dyDescent="0.25">
      <c r="A112" s="118" t="s">
        <v>237</v>
      </c>
      <c r="B112" s="119"/>
      <c r="C112" s="119"/>
      <c r="D112" s="119"/>
      <c r="E112" s="120"/>
    </row>
    <row r="113" spans="1:5" s="4" customFormat="1" ht="28.5" customHeight="1" x14ac:dyDescent="0.25">
      <c r="A113" s="183" t="s">
        <v>247</v>
      </c>
      <c r="B113" s="184"/>
      <c r="C113" s="179"/>
      <c r="D113" s="179"/>
      <c r="E113" s="180"/>
    </row>
    <row r="114" spans="1:5" s="4" customFormat="1" ht="31.5" customHeight="1" x14ac:dyDescent="0.25">
      <c r="A114" s="181" t="s">
        <v>15</v>
      </c>
      <c r="B114" s="182" t="s">
        <v>184</v>
      </c>
      <c r="C114" s="53"/>
      <c r="D114" s="115"/>
      <c r="E114" s="116"/>
    </row>
    <row r="115" spans="1:5" s="4" customFormat="1" ht="27" customHeight="1" x14ac:dyDescent="0.25">
      <c r="A115" s="84" t="s">
        <v>62</v>
      </c>
      <c r="B115" s="177" t="s">
        <v>185</v>
      </c>
      <c r="C115" s="53"/>
      <c r="D115" s="115"/>
      <c r="E115" s="116"/>
    </row>
    <row r="116" spans="1:5" s="4" customFormat="1" ht="27" customHeight="1" x14ac:dyDescent="0.25">
      <c r="A116" s="84" t="s">
        <v>64</v>
      </c>
      <c r="B116" s="177" t="s">
        <v>186</v>
      </c>
      <c r="C116" s="53"/>
      <c r="D116" s="115"/>
      <c r="E116" s="116"/>
    </row>
    <row r="117" spans="1:5" s="4" customFormat="1" ht="27" customHeight="1" x14ac:dyDescent="0.25">
      <c r="A117" s="84" t="s">
        <v>66</v>
      </c>
      <c r="B117" s="177" t="s">
        <v>187</v>
      </c>
      <c r="C117" s="53"/>
      <c r="D117" s="115"/>
      <c r="E117" s="116"/>
    </row>
    <row r="118" spans="1:5" s="4" customFormat="1" ht="31.5" customHeight="1" x14ac:dyDescent="0.25">
      <c r="A118" s="84" t="s">
        <v>67</v>
      </c>
      <c r="B118" s="177" t="s">
        <v>107</v>
      </c>
      <c r="C118" s="53"/>
      <c r="D118" s="115"/>
      <c r="E118" s="116"/>
    </row>
    <row r="119" spans="1:5" s="4" customFormat="1" ht="31.5" customHeight="1" x14ac:dyDescent="0.25">
      <c r="A119" s="84" t="s">
        <v>68</v>
      </c>
      <c r="B119" s="177" t="s">
        <v>108</v>
      </c>
      <c r="C119" s="53"/>
      <c r="D119" s="115"/>
      <c r="E119" s="116"/>
    </row>
    <row r="120" spans="1:5" s="4" customFormat="1" ht="31.5" customHeight="1" x14ac:dyDescent="0.25">
      <c r="A120" s="84" t="s">
        <v>69</v>
      </c>
      <c r="B120" s="177" t="s">
        <v>176</v>
      </c>
      <c r="C120" s="53"/>
      <c r="D120" s="115"/>
      <c r="E120" s="116"/>
    </row>
    <row r="121" spans="1:5" s="4" customFormat="1" ht="26.25" customHeight="1" x14ac:dyDescent="0.25">
      <c r="A121" s="84" t="s">
        <v>70</v>
      </c>
      <c r="B121" s="177" t="s">
        <v>177</v>
      </c>
      <c r="C121" s="53"/>
      <c r="D121" s="115"/>
      <c r="E121" s="116"/>
    </row>
    <row r="122" spans="1:5" s="4" customFormat="1" ht="31.5" customHeight="1" x14ac:dyDescent="0.25">
      <c r="A122" s="84" t="s">
        <v>71</v>
      </c>
      <c r="B122" s="177" t="s">
        <v>188</v>
      </c>
      <c r="C122" s="53"/>
      <c r="D122" s="115"/>
      <c r="E122" s="116"/>
    </row>
    <row r="123" spans="1:5" s="4" customFormat="1" ht="31.5" customHeight="1" x14ac:dyDescent="0.25">
      <c r="A123" s="84" t="s">
        <v>97</v>
      </c>
      <c r="B123" s="177" t="s">
        <v>178</v>
      </c>
      <c r="C123" s="53"/>
      <c r="D123" s="98"/>
      <c r="E123" s="99"/>
    </row>
    <row r="124" spans="1:5" s="4" customFormat="1" ht="41.25" customHeight="1" x14ac:dyDescent="0.25">
      <c r="A124" s="84" t="s">
        <v>73</v>
      </c>
      <c r="B124" s="177" t="s">
        <v>179</v>
      </c>
      <c r="C124" s="53"/>
      <c r="D124" s="98"/>
      <c r="E124" s="99"/>
    </row>
    <row r="125" spans="1:5" s="4" customFormat="1" ht="31.5" customHeight="1" x14ac:dyDescent="0.25">
      <c r="A125" s="84" t="s">
        <v>74</v>
      </c>
      <c r="B125" s="177" t="s">
        <v>180</v>
      </c>
      <c r="C125" s="53"/>
      <c r="D125" s="98"/>
      <c r="E125" s="99"/>
    </row>
    <row r="126" spans="1:5" s="4" customFormat="1" ht="31.5" customHeight="1" x14ac:dyDescent="0.25">
      <c r="A126" s="84" t="s">
        <v>75</v>
      </c>
      <c r="B126" s="177" t="s">
        <v>181</v>
      </c>
      <c r="C126" s="53"/>
      <c r="D126" s="98"/>
      <c r="E126" s="99"/>
    </row>
    <row r="127" spans="1:5" s="4" customFormat="1" ht="31.5" customHeight="1" x14ac:dyDescent="0.25">
      <c r="A127" s="84" t="s">
        <v>80</v>
      </c>
      <c r="B127" s="177" t="s">
        <v>182</v>
      </c>
      <c r="C127" s="53"/>
      <c r="D127" s="115"/>
      <c r="E127" s="116"/>
    </row>
    <row r="128" spans="1:5" s="4" customFormat="1" ht="33.75" customHeight="1" thickBot="1" x14ac:dyDescent="0.3">
      <c r="A128" s="168" t="s">
        <v>81</v>
      </c>
      <c r="B128" s="178" t="s">
        <v>183</v>
      </c>
      <c r="C128" s="169"/>
      <c r="D128" s="152"/>
      <c r="E128" s="153"/>
    </row>
    <row r="129" spans="1:5" s="3" customFormat="1" ht="5.0999999999999996" customHeight="1" x14ac:dyDescent="0.25">
      <c r="A129" s="5"/>
      <c r="B129" s="5"/>
      <c r="C129" s="7"/>
      <c r="D129" s="7"/>
      <c r="E129" s="30"/>
    </row>
    <row r="130" spans="1:5" s="2" customFormat="1" ht="20.100000000000001" customHeight="1" x14ac:dyDescent="0.25">
      <c r="A130" s="121" t="s">
        <v>49</v>
      </c>
      <c r="B130" s="121"/>
      <c r="C130" s="121"/>
      <c r="D130" s="121"/>
      <c r="E130" s="121"/>
    </row>
    <row r="131" spans="1:5" s="2" customFormat="1" ht="5.0999999999999996" customHeight="1" thickBot="1" x14ac:dyDescent="0.3">
      <c r="A131" s="18"/>
      <c r="C131" s="6"/>
      <c r="D131" s="6"/>
      <c r="E131" s="6"/>
    </row>
    <row r="132" spans="1:5" s="3" customFormat="1" ht="69" customHeight="1" x14ac:dyDescent="0.25">
      <c r="A132" s="106" t="s">
        <v>7</v>
      </c>
      <c r="B132" s="107"/>
      <c r="C132" s="110" t="s">
        <v>29</v>
      </c>
      <c r="D132" s="111"/>
      <c r="E132" s="112"/>
    </row>
    <row r="133" spans="1:5" s="3" customFormat="1" ht="30" customHeight="1" thickBot="1" x14ac:dyDescent="0.3">
      <c r="A133" s="108"/>
      <c r="B133" s="109"/>
      <c r="C133" s="28" t="s">
        <v>6</v>
      </c>
      <c r="D133" s="113" t="s">
        <v>30</v>
      </c>
      <c r="E133" s="114"/>
    </row>
    <row r="134" spans="1:5" s="2" customFormat="1" ht="26.25" customHeight="1" x14ac:dyDescent="0.25">
      <c r="A134" s="68" t="s">
        <v>15</v>
      </c>
      <c r="B134" s="86" t="s">
        <v>109</v>
      </c>
      <c r="C134" s="49"/>
      <c r="D134" s="146"/>
      <c r="E134" s="147"/>
    </row>
    <row r="135" spans="1:5" s="2" customFormat="1" ht="26.25" customHeight="1" x14ac:dyDescent="0.25">
      <c r="A135" s="69" t="s">
        <v>62</v>
      </c>
      <c r="B135" s="87" t="s">
        <v>200</v>
      </c>
      <c r="C135" s="50" t="s">
        <v>233</v>
      </c>
      <c r="D135" s="124"/>
      <c r="E135" s="125"/>
    </row>
    <row r="136" spans="1:5" s="2" customFormat="1" ht="41.25" customHeight="1" x14ac:dyDescent="0.25">
      <c r="A136" s="70" t="s">
        <v>110</v>
      </c>
      <c r="B136" s="88" t="s">
        <v>201</v>
      </c>
      <c r="C136" s="50"/>
      <c r="D136" s="124"/>
      <c r="E136" s="125"/>
    </row>
    <row r="137" spans="1:5" s="2" customFormat="1" ht="31.5" customHeight="1" x14ac:dyDescent="0.25">
      <c r="A137" s="71" t="s">
        <v>111</v>
      </c>
      <c r="B137" s="89" t="s">
        <v>202</v>
      </c>
      <c r="C137" s="50"/>
      <c r="D137" s="124"/>
      <c r="E137" s="125"/>
    </row>
    <row r="138" spans="1:5" s="2" customFormat="1" ht="26.25" customHeight="1" x14ac:dyDescent="0.25">
      <c r="A138" s="71" t="s">
        <v>112</v>
      </c>
      <c r="B138" s="88" t="s">
        <v>63</v>
      </c>
      <c r="C138" s="50"/>
      <c r="D138" s="124"/>
      <c r="E138" s="125"/>
    </row>
    <row r="139" spans="1:5" s="2" customFormat="1" ht="54.75" customHeight="1" x14ac:dyDescent="0.25">
      <c r="A139" s="72" t="s">
        <v>113</v>
      </c>
      <c r="B139" s="88" t="s">
        <v>203</v>
      </c>
      <c r="C139" s="50"/>
      <c r="D139" s="124"/>
      <c r="E139" s="125"/>
    </row>
    <row r="140" spans="1:5" s="2" customFormat="1" ht="42.75" customHeight="1" x14ac:dyDescent="0.25">
      <c r="A140" s="72" t="s">
        <v>114</v>
      </c>
      <c r="B140" s="88" t="s">
        <v>204</v>
      </c>
      <c r="C140" s="50"/>
      <c r="D140" s="124"/>
      <c r="E140" s="125"/>
    </row>
    <row r="141" spans="1:5" s="2" customFormat="1" ht="123.75" customHeight="1" x14ac:dyDescent="0.25">
      <c r="A141" s="73" t="s">
        <v>115</v>
      </c>
      <c r="B141" s="90" t="s">
        <v>205</v>
      </c>
      <c r="C141" s="50"/>
      <c r="D141" s="124"/>
      <c r="E141" s="125"/>
    </row>
    <row r="142" spans="1:5" s="2" customFormat="1" ht="33.75" customHeight="1" x14ac:dyDescent="0.25">
      <c r="A142" s="74" t="s">
        <v>64</v>
      </c>
      <c r="B142" s="91" t="s">
        <v>65</v>
      </c>
      <c r="C142" s="50"/>
      <c r="D142" s="124"/>
      <c r="E142" s="125"/>
    </row>
    <row r="143" spans="1:5" s="2" customFormat="1" ht="99" customHeight="1" x14ac:dyDescent="0.25">
      <c r="A143" s="74" t="s">
        <v>66</v>
      </c>
      <c r="B143" s="91" t="s">
        <v>206</v>
      </c>
      <c r="C143" s="50"/>
      <c r="D143" s="124"/>
      <c r="E143" s="125"/>
    </row>
    <row r="144" spans="1:5" s="2" customFormat="1" ht="70.5" customHeight="1" x14ac:dyDescent="0.25">
      <c r="A144" s="74" t="s">
        <v>67</v>
      </c>
      <c r="B144" s="91" t="s">
        <v>207</v>
      </c>
      <c r="C144" s="50"/>
      <c r="D144" s="124"/>
      <c r="E144" s="125"/>
    </row>
    <row r="145" spans="1:5" s="2" customFormat="1" ht="79.5" customHeight="1" x14ac:dyDescent="0.25">
      <c r="A145" s="74" t="s">
        <v>68</v>
      </c>
      <c r="B145" s="91" t="s">
        <v>208</v>
      </c>
      <c r="C145" s="50"/>
      <c r="D145" s="124"/>
      <c r="E145" s="125"/>
    </row>
    <row r="146" spans="1:5" s="2" customFormat="1" ht="56.25" customHeight="1" x14ac:dyDescent="0.25">
      <c r="A146" s="74" t="s">
        <v>69</v>
      </c>
      <c r="B146" s="91" t="s">
        <v>209</v>
      </c>
      <c r="C146" s="50"/>
      <c r="D146" s="124"/>
      <c r="E146" s="125"/>
    </row>
    <row r="147" spans="1:5" s="2" customFormat="1" ht="66.75" customHeight="1" x14ac:dyDescent="0.25">
      <c r="A147" s="74" t="s">
        <v>70</v>
      </c>
      <c r="B147" s="92" t="s">
        <v>210</v>
      </c>
      <c r="C147" s="50"/>
      <c r="D147" s="124"/>
      <c r="E147" s="125"/>
    </row>
    <row r="148" spans="1:5" s="2" customFormat="1" ht="81.75" customHeight="1" thickBot="1" x14ac:dyDescent="0.3">
      <c r="A148" s="74" t="s">
        <v>71</v>
      </c>
      <c r="B148" s="93" t="s">
        <v>211</v>
      </c>
      <c r="C148" s="51"/>
      <c r="D148" s="124"/>
      <c r="E148" s="125"/>
    </row>
    <row r="149" spans="1:5" s="2" customFormat="1" ht="126" customHeight="1" x14ac:dyDescent="0.25">
      <c r="A149" s="75" t="s">
        <v>97</v>
      </c>
      <c r="B149" s="93" t="s">
        <v>212</v>
      </c>
      <c r="C149" s="63"/>
      <c r="D149" s="126"/>
      <c r="E149" s="127"/>
    </row>
    <row r="150" spans="1:5" s="2" customFormat="1" ht="108" customHeight="1" x14ac:dyDescent="0.25">
      <c r="A150" s="75" t="s">
        <v>73</v>
      </c>
      <c r="B150" s="94" t="s">
        <v>72</v>
      </c>
      <c r="C150" s="50"/>
      <c r="D150" s="124"/>
      <c r="E150" s="125"/>
    </row>
    <row r="151" spans="1:5" s="2" customFormat="1" ht="247.5" customHeight="1" x14ac:dyDescent="0.25">
      <c r="A151" s="75" t="s">
        <v>74</v>
      </c>
      <c r="B151" s="93" t="s">
        <v>213</v>
      </c>
      <c r="C151" s="50"/>
      <c r="D151" s="124"/>
      <c r="E151" s="125"/>
    </row>
    <row r="152" spans="1:5" s="2" customFormat="1" ht="104.25" customHeight="1" x14ac:dyDescent="0.25">
      <c r="A152" s="75" t="s">
        <v>75</v>
      </c>
      <c r="B152" s="91" t="s">
        <v>214</v>
      </c>
      <c r="C152" s="50"/>
      <c r="D152" s="124"/>
      <c r="E152" s="125"/>
    </row>
    <row r="153" spans="1:5" s="2" customFormat="1" ht="95.25" customHeight="1" x14ac:dyDescent="0.25">
      <c r="A153" s="75" t="s">
        <v>80</v>
      </c>
      <c r="B153" s="95" t="s">
        <v>215</v>
      </c>
      <c r="C153" s="50"/>
      <c r="D153" s="124"/>
      <c r="E153" s="125"/>
    </row>
    <row r="154" spans="1:5" s="2" customFormat="1" ht="31.5" customHeight="1" x14ac:dyDescent="0.25">
      <c r="A154" s="71" t="s">
        <v>100</v>
      </c>
      <c r="B154" s="88" t="s">
        <v>76</v>
      </c>
      <c r="C154" s="50"/>
      <c r="D154" s="124"/>
      <c r="E154" s="125"/>
    </row>
    <row r="155" spans="1:5" s="2" customFormat="1" ht="41.25" customHeight="1" x14ac:dyDescent="0.25">
      <c r="A155" s="71" t="s">
        <v>101</v>
      </c>
      <c r="B155" s="88" t="s">
        <v>77</v>
      </c>
      <c r="C155" s="50"/>
      <c r="D155" s="124"/>
      <c r="E155" s="125"/>
    </row>
    <row r="156" spans="1:5" s="2" customFormat="1" ht="58.5" customHeight="1" x14ac:dyDescent="0.25">
      <c r="A156" s="71" t="s">
        <v>102</v>
      </c>
      <c r="B156" s="88" t="s">
        <v>216</v>
      </c>
      <c r="C156" s="50"/>
      <c r="D156" s="124"/>
      <c r="E156" s="125"/>
    </row>
    <row r="157" spans="1:5" s="2" customFormat="1" ht="49.5" customHeight="1" x14ac:dyDescent="0.25">
      <c r="A157" s="71" t="s">
        <v>189</v>
      </c>
      <c r="B157" s="88" t="s">
        <v>78</v>
      </c>
      <c r="C157" s="50"/>
      <c r="D157" s="124"/>
      <c r="E157" s="125"/>
    </row>
    <row r="158" spans="1:5" s="2" customFormat="1" ht="37.5" customHeight="1" x14ac:dyDescent="0.25">
      <c r="A158" s="71" t="s">
        <v>190</v>
      </c>
      <c r="B158" s="88" t="s">
        <v>217</v>
      </c>
      <c r="C158" s="50"/>
      <c r="D158" s="124"/>
      <c r="E158" s="125"/>
    </row>
    <row r="159" spans="1:5" s="2" customFormat="1" ht="62.25" customHeight="1" x14ac:dyDescent="0.25">
      <c r="A159" s="76" t="s">
        <v>191</v>
      </c>
      <c r="B159" s="88" t="s">
        <v>218</v>
      </c>
      <c r="C159" s="50"/>
      <c r="D159" s="124"/>
      <c r="E159" s="125"/>
    </row>
    <row r="160" spans="1:5" s="2" customFormat="1" ht="39" customHeight="1" x14ac:dyDescent="0.25">
      <c r="A160" s="73" t="s">
        <v>192</v>
      </c>
      <c r="B160" s="88" t="s">
        <v>79</v>
      </c>
      <c r="C160" s="50"/>
      <c r="D160" s="124"/>
      <c r="E160" s="125"/>
    </row>
    <row r="161" spans="1:6" s="2" customFormat="1" ht="33" customHeight="1" x14ac:dyDescent="0.25">
      <c r="A161" s="73" t="s">
        <v>193</v>
      </c>
      <c r="B161" s="88" t="s">
        <v>219</v>
      </c>
      <c r="C161" s="50"/>
      <c r="D161" s="124"/>
      <c r="E161" s="125"/>
    </row>
    <row r="162" spans="1:6" s="2" customFormat="1" ht="48" customHeight="1" x14ac:dyDescent="0.25">
      <c r="A162" s="73" t="s">
        <v>194</v>
      </c>
      <c r="B162" s="88" t="s">
        <v>220</v>
      </c>
      <c r="C162" s="50"/>
      <c r="D162" s="124"/>
      <c r="E162" s="125"/>
    </row>
    <row r="163" spans="1:6" s="2" customFormat="1" ht="65.25" customHeight="1" x14ac:dyDescent="0.25">
      <c r="A163" s="77" t="s">
        <v>81</v>
      </c>
      <c r="B163" s="91" t="s">
        <v>221</v>
      </c>
      <c r="C163" s="50"/>
      <c r="D163" s="124"/>
      <c r="E163" s="125"/>
    </row>
    <row r="164" spans="1:6" s="2" customFormat="1" ht="31.5" customHeight="1" x14ac:dyDescent="0.25">
      <c r="A164" s="78" t="s">
        <v>82</v>
      </c>
      <c r="B164" s="95" t="s">
        <v>84</v>
      </c>
      <c r="C164" s="50"/>
      <c r="D164" s="124"/>
      <c r="E164" s="125"/>
      <c r="F164" s="64"/>
    </row>
    <row r="165" spans="1:6" s="2" customFormat="1" ht="31.5" customHeight="1" x14ac:dyDescent="0.25">
      <c r="A165" s="79" t="s">
        <v>195</v>
      </c>
      <c r="B165" s="88" t="s">
        <v>222</v>
      </c>
      <c r="C165" s="50"/>
      <c r="D165" s="124"/>
      <c r="E165" s="125"/>
    </row>
    <row r="166" spans="1:6" s="2" customFormat="1" ht="31.5" customHeight="1" x14ac:dyDescent="0.25">
      <c r="A166" s="80" t="s">
        <v>196</v>
      </c>
      <c r="B166" s="96" t="s">
        <v>223</v>
      </c>
      <c r="C166" s="50"/>
      <c r="D166" s="124"/>
      <c r="E166" s="125"/>
    </row>
    <row r="167" spans="1:6" s="2" customFormat="1" ht="66" customHeight="1" x14ac:dyDescent="0.25">
      <c r="A167" s="78" t="s">
        <v>83</v>
      </c>
      <c r="B167" s="95" t="s">
        <v>86</v>
      </c>
      <c r="C167" s="50"/>
      <c r="D167" s="124"/>
      <c r="E167" s="125"/>
    </row>
    <row r="168" spans="1:6" s="2" customFormat="1" ht="59.25" customHeight="1" x14ac:dyDescent="0.25">
      <c r="A168" s="81" t="s">
        <v>197</v>
      </c>
      <c r="B168" s="58" t="s">
        <v>224</v>
      </c>
      <c r="C168" s="50"/>
      <c r="D168" s="124"/>
      <c r="E168" s="125"/>
    </row>
    <row r="169" spans="1:6" s="2" customFormat="1" ht="42" customHeight="1" x14ac:dyDescent="0.25">
      <c r="A169" s="80" t="s">
        <v>198</v>
      </c>
      <c r="B169" s="57" t="s">
        <v>225</v>
      </c>
      <c r="C169" s="50"/>
      <c r="D169" s="133"/>
      <c r="E169" s="134"/>
    </row>
    <row r="170" spans="1:6" s="2" customFormat="1" ht="141" customHeight="1" x14ac:dyDescent="0.25">
      <c r="A170" s="82" t="s">
        <v>85</v>
      </c>
      <c r="B170" s="91" t="s">
        <v>226</v>
      </c>
      <c r="C170" s="50"/>
      <c r="D170" s="124"/>
      <c r="E170" s="125"/>
    </row>
    <row r="171" spans="1:6" s="2" customFormat="1" ht="50.25" customHeight="1" x14ac:dyDescent="0.25">
      <c r="A171" s="77" t="s">
        <v>87</v>
      </c>
      <c r="B171" s="91" t="s">
        <v>88</v>
      </c>
      <c r="C171" s="50"/>
      <c r="D171" s="124"/>
      <c r="E171" s="125"/>
    </row>
    <row r="172" spans="1:6" s="2" customFormat="1" ht="71.25" customHeight="1" x14ac:dyDescent="0.25">
      <c r="A172" s="74" t="s">
        <v>89</v>
      </c>
      <c r="B172" s="91" t="s">
        <v>91</v>
      </c>
      <c r="C172" s="50"/>
      <c r="D172" s="124"/>
      <c r="E172" s="125"/>
    </row>
    <row r="173" spans="1:6" s="2" customFormat="1" ht="85.5" customHeight="1" x14ac:dyDescent="0.25">
      <c r="A173" s="74" t="s">
        <v>90</v>
      </c>
      <c r="B173" s="66" t="s">
        <v>227</v>
      </c>
      <c r="C173" s="50"/>
      <c r="D173" s="124"/>
      <c r="E173" s="125"/>
    </row>
    <row r="174" spans="1:6" s="2" customFormat="1" ht="192.75" customHeight="1" x14ac:dyDescent="0.25">
      <c r="A174" s="74" t="s">
        <v>199</v>
      </c>
      <c r="B174" s="97" t="s">
        <v>228</v>
      </c>
      <c r="C174" s="50"/>
      <c r="D174" s="124"/>
      <c r="E174" s="125"/>
    </row>
    <row r="175" spans="1:6" s="2" customFormat="1" ht="99" customHeight="1" x14ac:dyDescent="0.25">
      <c r="A175" s="83" t="s">
        <v>93</v>
      </c>
      <c r="B175" s="66" t="s">
        <v>229</v>
      </c>
      <c r="C175" s="50"/>
      <c r="D175" s="144"/>
      <c r="E175" s="145"/>
    </row>
    <row r="176" spans="1:6" s="2" customFormat="1" ht="105" customHeight="1" x14ac:dyDescent="0.25">
      <c r="A176" s="74" t="s">
        <v>94</v>
      </c>
      <c r="B176" s="66" t="s">
        <v>230</v>
      </c>
      <c r="C176" s="50"/>
      <c r="D176" s="144"/>
      <c r="E176" s="145"/>
    </row>
    <row r="177" spans="1:6" s="2" customFormat="1" ht="42" customHeight="1" x14ac:dyDescent="0.2">
      <c r="A177" s="74" t="s">
        <v>95</v>
      </c>
      <c r="B177" s="10" t="s">
        <v>231</v>
      </c>
      <c r="C177" s="50"/>
      <c r="D177" s="144"/>
      <c r="E177" s="145"/>
    </row>
    <row r="178" spans="1:6" s="2" customFormat="1" ht="42" customHeight="1" x14ac:dyDescent="0.25">
      <c r="A178" s="74" t="s">
        <v>98</v>
      </c>
      <c r="B178" s="66" t="s">
        <v>232</v>
      </c>
      <c r="C178" s="50"/>
      <c r="D178" s="144"/>
      <c r="E178" s="145"/>
    </row>
    <row r="179" spans="1:6" s="3" customFormat="1" ht="26.25" customHeight="1" x14ac:dyDescent="0.25">
      <c r="A179" s="5"/>
      <c r="B179" s="5"/>
      <c r="C179" s="7"/>
      <c r="D179" s="7"/>
      <c r="E179" s="30"/>
    </row>
    <row r="180" spans="1:6" s="2" customFormat="1" ht="20.100000000000001" customHeight="1" x14ac:dyDescent="0.25">
      <c r="A180" s="143" t="s">
        <v>56</v>
      </c>
      <c r="B180" s="143"/>
      <c r="C180" s="143"/>
      <c r="D180" s="143"/>
      <c r="E180" s="143"/>
      <c r="F180" s="154"/>
    </row>
    <row r="181" spans="1:6" s="2" customFormat="1" ht="4.5" customHeight="1" thickBot="1" x14ac:dyDescent="0.3">
      <c r="F181" s="154"/>
    </row>
    <row r="182" spans="1:6" s="2" customFormat="1" ht="80.25" customHeight="1" x14ac:dyDescent="0.25">
      <c r="A182" s="106" t="s">
        <v>96</v>
      </c>
      <c r="B182" s="107"/>
      <c r="C182" s="110" t="s">
        <v>57</v>
      </c>
      <c r="D182" s="111"/>
      <c r="E182" s="112"/>
      <c r="F182" s="154"/>
    </row>
    <row r="183" spans="1:6" s="3" customFormat="1" ht="29.25" customHeight="1" thickBot="1" x14ac:dyDescent="0.3">
      <c r="A183" s="108"/>
      <c r="B183" s="109"/>
      <c r="C183" s="28" t="s">
        <v>6</v>
      </c>
      <c r="D183" s="113" t="s">
        <v>30</v>
      </c>
      <c r="E183" s="114"/>
      <c r="F183" s="154"/>
    </row>
    <row r="184" spans="1:6" s="3" customFormat="1" ht="29.45" customHeight="1" x14ac:dyDescent="0.25">
      <c r="A184" s="48" t="s">
        <v>31</v>
      </c>
      <c r="B184" s="54" t="s">
        <v>60</v>
      </c>
      <c r="C184" s="46"/>
      <c r="D184" s="137"/>
      <c r="E184" s="138"/>
      <c r="F184" s="154"/>
    </row>
    <row r="185" spans="1:6" s="3" customFormat="1" ht="24.95" customHeight="1" x14ac:dyDescent="0.25">
      <c r="A185" s="13" t="s">
        <v>32</v>
      </c>
      <c r="B185" s="55" t="s">
        <v>59</v>
      </c>
      <c r="C185" s="44"/>
      <c r="D185" s="139"/>
      <c r="E185" s="140"/>
      <c r="F185" s="154"/>
    </row>
    <row r="186" spans="1:6" s="2" customFormat="1" ht="33.950000000000003" customHeight="1" thickBot="1" x14ac:dyDescent="0.3">
      <c r="A186" s="14" t="s">
        <v>33</v>
      </c>
      <c r="B186" s="56" t="s">
        <v>58</v>
      </c>
      <c r="C186" s="45"/>
      <c r="D186" s="135"/>
      <c r="E186" s="136"/>
      <c r="F186" s="154"/>
    </row>
    <row r="187" spans="1:6" s="2" customFormat="1" ht="5.0999999999999996" customHeight="1" x14ac:dyDescent="0.25">
      <c r="A187" s="5"/>
      <c r="B187" s="5"/>
      <c r="C187" s="7"/>
      <c r="D187" s="7"/>
      <c r="E187" s="30"/>
    </row>
    <row r="188" spans="1:6" s="2" customFormat="1" ht="20.100000000000001" customHeight="1" x14ac:dyDescent="0.25">
      <c r="A188" s="121" t="s">
        <v>14</v>
      </c>
      <c r="B188" s="121"/>
      <c r="C188" s="121"/>
      <c r="D188" s="121"/>
      <c r="E188" s="121"/>
    </row>
    <row r="189" spans="1:6" s="3" customFormat="1" ht="30" customHeight="1" x14ac:dyDescent="0.25">
      <c r="A189" s="5" t="s">
        <v>16</v>
      </c>
      <c r="B189" s="141" t="s">
        <v>50</v>
      </c>
      <c r="C189" s="141"/>
      <c r="D189" s="141"/>
      <c r="E189" s="141"/>
    </row>
    <row r="190" spans="1:6" s="32" customFormat="1" ht="30" customHeight="1" x14ac:dyDescent="0.25">
      <c r="A190" s="5" t="s">
        <v>34</v>
      </c>
      <c r="B190" s="141" t="s">
        <v>35</v>
      </c>
      <c r="C190" s="141"/>
      <c r="D190" s="141"/>
      <c r="E190" s="141"/>
    </row>
    <row r="191" spans="1:6" s="32" customFormat="1" ht="30" customHeight="1" x14ac:dyDescent="0.25">
      <c r="A191" s="142" t="s">
        <v>36</v>
      </c>
      <c r="B191" s="142"/>
      <c r="C191" s="142"/>
      <c r="D191" s="142"/>
      <c r="E191" s="3"/>
    </row>
    <row r="192" spans="1:6" s="2" customFormat="1" ht="24" x14ac:dyDescent="0.25">
      <c r="A192" s="31" t="s">
        <v>37</v>
      </c>
      <c r="B192" s="129"/>
      <c r="C192" s="129"/>
      <c r="E192" s="32"/>
    </row>
    <row r="193" spans="1:5" s="2" customFormat="1" ht="24" x14ac:dyDescent="0.25">
      <c r="A193" s="31" t="s">
        <v>38</v>
      </c>
      <c r="B193" s="130"/>
      <c r="C193" s="130"/>
      <c r="E193" s="32"/>
    </row>
    <row r="194" spans="1:5" s="2" customFormat="1" ht="24.95" customHeight="1" x14ac:dyDescent="0.25">
      <c r="A194" s="31" t="s">
        <v>39</v>
      </c>
      <c r="B194" s="130"/>
      <c r="C194" s="130"/>
      <c r="E194" s="32"/>
    </row>
    <row r="195" spans="1:5" s="3" customFormat="1" ht="34.5" customHeight="1" x14ac:dyDescent="0.25">
      <c r="A195" s="31" t="s">
        <v>40</v>
      </c>
      <c r="B195" s="130"/>
      <c r="C195" s="130"/>
      <c r="D195" s="2"/>
      <c r="E195" s="33"/>
    </row>
    <row r="196" spans="1:5" s="2" customFormat="1" ht="46.5" customHeight="1" x14ac:dyDescent="0.2">
      <c r="A196" s="11"/>
      <c r="B196" s="12"/>
      <c r="C196" s="12"/>
      <c r="E196" s="34"/>
    </row>
    <row r="197" spans="1:5" s="3" customFormat="1" ht="15" customHeight="1" x14ac:dyDescent="0.25">
      <c r="A197" s="131" t="s">
        <v>41</v>
      </c>
      <c r="B197" s="131"/>
      <c r="C197" s="131"/>
      <c r="D197" s="131"/>
      <c r="E197" s="131"/>
    </row>
    <row r="198" spans="1:5" s="2" customFormat="1" ht="36.75" customHeight="1" x14ac:dyDescent="0.25">
      <c r="A198" s="132" t="s">
        <v>53</v>
      </c>
      <c r="B198" s="132"/>
      <c r="C198" s="132"/>
      <c r="D198" s="132"/>
      <c r="E198" s="132"/>
    </row>
    <row r="199" spans="1:5" s="2" customFormat="1" ht="20.100000000000001" customHeight="1" x14ac:dyDescent="0.2">
      <c r="A199" s="1"/>
      <c r="B199" s="1"/>
      <c r="C199" s="8"/>
      <c r="D199" s="8"/>
    </row>
    <row r="200" spans="1:5" s="3" customFormat="1" ht="4.5" customHeight="1" x14ac:dyDescent="0.2">
      <c r="A200" s="1"/>
      <c r="B200" s="1"/>
      <c r="C200" s="8"/>
      <c r="D200" s="8"/>
      <c r="E200" s="2"/>
    </row>
    <row r="201" spans="1:5" s="3" customFormat="1" ht="20.100000000000001" customHeight="1" x14ac:dyDescent="0.25">
      <c r="A201" s="35" t="s">
        <v>42</v>
      </c>
      <c r="B201" s="61"/>
      <c r="C201" s="36" t="s">
        <v>43</v>
      </c>
      <c r="D201" s="128"/>
      <c r="E201" s="128"/>
    </row>
    <row r="202" spans="1:5" s="3" customFormat="1" ht="20.100000000000001" customHeight="1" x14ac:dyDescent="0.25">
      <c r="A202" s="52" t="s">
        <v>44</v>
      </c>
      <c r="B202" s="62"/>
      <c r="C202" s="37"/>
      <c r="D202" s="38"/>
      <c r="E202" s="38"/>
    </row>
    <row r="203" spans="1:5" ht="20.100000000000001" customHeight="1" x14ac:dyDescent="0.2">
      <c r="C203" s="39" t="s">
        <v>45</v>
      </c>
      <c r="D203" s="129"/>
      <c r="E203" s="129"/>
    </row>
    <row r="204" spans="1:5" s="2" customFormat="1" ht="20.100000000000001" customHeight="1" x14ac:dyDescent="0.2">
      <c r="A204" s="1"/>
      <c r="B204" s="1"/>
      <c r="C204" s="39" t="s">
        <v>46</v>
      </c>
      <c r="D204" s="130"/>
      <c r="E204" s="130"/>
    </row>
    <row r="205" spans="1:5" s="2" customFormat="1" ht="20.100000000000001" customHeight="1" x14ac:dyDescent="0.2">
      <c r="A205" s="1"/>
      <c r="B205" s="1"/>
      <c r="C205" s="40" t="s">
        <v>47</v>
      </c>
      <c r="D205" s="1"/>
    </row>
    <row r="206" spans="1:5" s="2" customFormat="1" ht="37.5" customHeight="1" x14ac:dyDescent="0.25"/>
    <row r="207" spans="1:5" s="2" customFormat="1" ht="24" customHeight="1" x14ac:dyDescent="0.25"/>
    <row r="208" spans="1:5" s="2" customFormat="1" ht="24" customHeight="1" x14ac:dyDescent="0.25"/>
    <row r="209" spans="1:4" s="2" customFormat="1" ht="24" customHeight="1" x14ac:dyDescent="0.25"/>
    <row r="210" spans="1:4" s="2" customFormat="1" ht="20.100000000000001" customHeight="1" x14ac:dyDescent="0.25"/>
    <row r="211" spans="1:4" s="2" customFormat="1" ht="20.100000000000001" customHeight="1" x14ac:dyDescent="0.25"/>
    <row r="212" spans="1:4" s="2" customFormat="1" ht="50.1" customHeight="1" x14ac:dyDescent="0.25"/>
    <row r="213" spans="1:4" s="2" customFormat="1" ht="43.5" customHeight="1" x14ac:dyDescent="0.25"/>
    <row r="214" spans="1:4" ht="24.75" customHeight="1" x14ac:dyDescent="0.2">
      <c r="A214" s="2"/>
      <c r="B214" s="2"/>
      <c r="C214" s="2"/>
      <c r="D214" s="2"/>
    </row>
    <row r="215" spans="1:4" x14ac:dyDescent="0.2">
      <c r="A215" s="2"/>
      <c r="B215" s="2"/>
      <c r="C215" s="2"/>
      <c r="D215" s="2"/>
    </row>
    <row r="216" spans="1:4" ht="20.100000000000001" customHeight="1" x14ac:dyDescent="0.2"/>
    <row r="217" spans="1:4" ht="4.5" customHeight="1" x14ac:dyDescent="0.2"/>
    <row r="218" spans="1:4" ht="20.100000000000001" customHeight="1" x14ac:dyDescent="0.2"/>
    <row r="219" spans="1:4" ht="20.100000000000001" customHeight="1" x14ac:dyDescent="0.2"/>
    <row r="220" spans="1:4" ht="20.100000000000001" customHeight="1" x14ac:dyDescent="0.2"/>
  </sheetData>
  <mergeCells count="186">
    <mergeCell ref="A113:B113"/>
    <mergeCell ref="A44:B44"/>
    <mergeCell ref="A70:B70"/>
    <mergeCell ref="A88:B88"/>
    <mergeCell ref="F180:F186"/>
    <mergeCell ref="A3:E3"/>
    <mergeCell ref="A7:E7"/>
    <mergeCell ref="A8:E8"/>
    <mergeCell ref="A9:E9"/>
    <mergeCell ref="A11:E11"/>
    <mergeCell ref="A15:C15"/>
    <mergeCell ref="A41:B42"/>
    <mergeCell ref="C41:E41"/>
    <mergeCell ref="D42:E42"/>
    <mergeCell ref="A24:E24"/>
    <mergeCell ref="B29:C29"/>
    <mergeCell ref="B30:C30"/>
    <mergeCell ref="A35:B35"/>
    <mergeCell ref="A18:C18"/>
    <mergeCell ref="A19:C19"/>
    <mergeCell ref="A20:E20"/>
    <mergeCell ref="A21:E21"/>
    <mergeCell ref="A22:C22"/>
    <mergeCell ref="D173:E173"/>
    <mergeCell ref="D174:E174"/>
    <mergeCell ref="D175:E175"/>
    <mergeCell ref="D176:E176"/>
    <mergeCell ref="D177:E177"/>
    <mergeCell ref="D178:E178"/>
    <mergeCell ref="D167:E167"/>
    <mergeCell ref="D134:E134"/>
    <mergeCell ref="D161:E161"/>
    <mergeCell ref="D162:E162"/>
    <mergeCell ref="A2:E2"/>
    <mergeCell ref="A1:E1"/>
    <mergeCell ref="A12:C12"/>
    <mergeCell ref="A25:B25"/>
    <mergeCell ref="A28:B28"/>
    <mergeCell ref="D49:E49"/>
    <mergeCell ref="D50:E50"/>
    <mergeCell ref="D51:E51"/>
    <mergeCell ref="A112:E112"/>
    <mergeCell ref="D138:E138"/>
    <mergeCell ref="D140:E140"/>
    <mergeCell ref="D141:E141"/>
    <mergeCell ref="D142:E142"/>
    <mergeCell ref="D135:E135"/>
    <mergeCell ref="D136:E136"/>
    <mergeCell ref="A130:E130"/>
    <mergeCell ref="D114:E114"/>
    <mergeCell ref="D127:E127"/>
    <mergeCell ref="D128:E128"/>
    <mergeCell ref="B192:C192"/>
    <mergeCell ref="D163:E163"/>
    <mergeCell ref="D164:E164"/>
    <mergeCell ref="D63:E63"/>
    <mergeCell ref="D64:E64"/>
    <mergeCell ref="D65:E65"/>
    <mergeCell ref="D66:E66"/>
    <mergeCell ref="D67:E67"/>
    <mergeCell ref="D91:E91"/>
    <mergeCell ref="D82:E82"/>
    <mergeCell ref="D83:E83"/>
    <mergeCell ref="D165:E165"/>
    <mergeCell ref="D166:E166"/>
    <mergeCell ref="D155:E155"/>
    <mergeCell ref="D156:E156"/>
    <mergeCell ref="D93:E93"/>
    <mergeCell ref="D143:E143"/>
    <mergeCell ref="D144:E144"/>
    <mergeCell ref="D145:E145"/>
    <mergeCell ref="D146:E146"/>
    <mergeCell ref="D147:E147"/>
    <mergeCell ref="D148:E148"/>
    <mergeCell ref="D137:E137"/>
    <mergeCell ref="D139:E139"/>
    <mergeCell ref="D201:E201"/>
    <mergeCell ref="D203:E203"/>
    <mergeCell ref="D204:E204"/>
    <mergeCell ref="A197:E197"/>
    <mergeCell ref="A198:E198"/>
    <mergeCell ref="D168:E168"/>
    <mergeCell ref="D169:E169"/>
    <mergeCell ref="D170:E170"/>
    <mergeCell ref="D171:E171"/>
    <mergeCell ref="D172:E172"/>
    <mergeCell ref="A182:B183"/>
    <mergeCell ref="C182:E182"/>
    <mergeCell ref="D183:E183"/>
    <mergeCell ref="D186:E186"/>
    <mergeCell ref="D184:E184"/>
    <mergeCell ref="D185:E185"/>
    <mergeCell ref="B195:C195"/>
    <mergeCell ref="A188:E188"/>
    <mergeCell ref="B189:E189"/>
    <mergeCell ref="B190:E190"/>
    <mergeCell ref="A191:D191"/>
    <mergeCell ref="A180:E180"/>
    <mergeCell ref="B193:C193"/>
    <mergeCell ref="B194:C194"/>
    <mergeCell ref="D116:E116"/>
    <mergeCell ref="D117:E117"/>
    <mergeCell ref="D118:E118"/>
    <mergeCell ref="D119:E119"/>
    <mergeCell ref="D157:E157"/>
    <mergeCell ref="D158:E158"/>
    <mergeCell ref="D159:E159"/>
    <mergeCell ref="D160:E160"/>
    <mergeCell ref="D149:E149"/>
    <mergeCell ref="D150:E150"/>
    <mergeCell ref="D151:E151"/>
    <mergeCell ref="D152:E152"/>
    <mergeCell ref="D153:E153"/>
    <mergeCell ref="D154:E154"/>
    <mergeCell ref="A13:B13"/>
    <mergeCell ref="A14:B14"/>
    <mergeCell ref="A43:E43"/>
    <mergeCell ref="A87:E87"/>
    <mergeCell ref="A69:E69"/>
    <mergeCell ref="A39:E39"/>
    <mergeCell ref="D56:E56"/>
    <mergeCell ref="D57:E57"/>
    <mergeCell ref="D58:E58"/>
    <mergeCell ref="D59:E59"/>
    <mergeCell ref="D60:E60"/>
    <mergeCell ref="D61:E61"/>
    <mergeCell ref="D62:E62"/>
    <mergeCell ref="D78:E78"/>
    <mergeCell ref="D79:E79"/>
    <mergeCell ref="D80:E80"/>
    <mergeCell ref="D81:E81"/>
    <mergeCell ref="A23:E23"/>
    <mergeCell ref="D71:E71"/>
    <mergeCell ref="D72:E72"/>
    <mergeCell ref="B31:C31"/>
    <mergeCell ref="B32:C32"/>
    <mergeCell ref="B33:C33"/>
    <mergeCell ref="D68:E68"/>
    <mergeCell ref="A132:B133"/>
    <mergeCell ref="C132:E132"/>
    <mergeCell ref="D133:E133"/>
    <mergeCell ref="D53:E53"/>
    <mergeCell ref="D54:E54"/>
    <mergeCell ref="D55:E55"/>
    <mergeCell ref="D73:E73"/>
    <mergeCell ref="D74:E74"/>
    <mergeCell ref="D75:E75"/>
    <mergeCell ref="D76:E76"/>
    <mergeCell ref="D77:E77"/>
    <mergeCell ref="D107:E107"/>
    <mergeCell ref="D89:E89"/>
    <mergeCell ref="D84:E84"/>
    <mergeCell ref="D92:E92"/>
    <mergeCell ref="D94:E94"/>
    <mergeCell ref="D95:E95"/>
    <mergeCell ref="D106:E106"/>
    <mergeCell ref="D120:E120"/>
    <mergeCell ref="D121:E121"/>
    <mergeCell ref="D122:E122"/>
    <mergeCell ref="D96:E96"/>
    <mergeCell ref="D97:E97"/>
    <mergeCell ref="D98:E98"/>
    <mergeCell ref="D110:E110"/>
    <mergeCell ref="D111:E111"/>
    <mergeCell ref="D108:E108"/>
    <mergeCell ref="D109:E109"/>
    <mergeCell ref="D123:E123"/>
    <mergeCell ref="D124:E124"/>
    <mergeCell ref="D125:E125"/>
    <mergeCell ref="D126:E126"/>
    <mergeCell ref="D45:E45"/>
    <mergeCell ref="D47:E47"/>
    <mergeCell ref="D48:E48"/>
    <mergeCell ref="D46:E46"/>
    <mergeCell ref="D52:E52"/>
    <mergeCell ref="D99:E99"/>
    <mergeCell ref="D100:E100"/>
    <mergeCell ref="D101:E101"/>
    <mergeCell ref="D102:E102"/>
    <mergeCell ref="D103:E103"/>
    <mergeCell ref="D104:E104"/>
    <mergeCell ref="D105:E105"/>
    <mergeCell ref="D85:E85"/>
    <mergeCell ref="D86:E86"/>
    <mergeCell ref="D90:E90"/>
    <mergeCell ref="D115:E115"/>
  </mergeCells>
  <phoneticPr fontId="15" type="noConversion"/>
  <conditionalFormatting sqref="B192:C195 C134:C178 C89:C111 C114:C127 C45:C68 C71:C86">
    <cfRule type="containsBlanks" dxfId="10" priority="26">
      <formula>LEN(TRIM(B45))=0</formula>
    </cfRule>
  </conditionalFormatting>
  <conditionalFormatting sqref="D203:E203">
    <cfRule type="containsBlanks" dxfId="9" priority="25">
      <formula>LEN(TRIM(D203))=0</formula>
    </cfRule>
  </conditionalFormatting>
  <conditionalFormatting sqref="D204:E204">
    <cfRule type="containsBlanks" dxfId="8" priority="24">
      <formula>LEN(TRIM(D204))=0</formula>
    </cfRule>
  </conditionalFormatting>
  <conditionalFormatting sqref="C184">
    <cfRule type="containsBlanks" dxfId="7" priority="15">
      <formula>LEN(TRIM(C184))=0</formula>
    </cfRule>
  </conditionalFormatting>
  <conditionalFormatting sqref="C185">
    <cfRule type="containsBlanks" dxfId="6" priority="14">
      <formula>LEN(TRIM(C185))=0</formula>
    </cfRule>
  </conditionalFormatting>
  <conditionalFormatting sqref="C186">
    <cfRule type="containsBlanks" dxfId="5" priority="12">
      <formula>LEN(TRIM(C186))=0</formula>
    </cfRule>
  </conditionalFormatting>
  <conditionalFormatting sqref="B201">
    <cfRule type="containsBlanks" dxfId="4" priority="5">
      <formula>LEN(TRIM(B201))=0</formula>
    </cfRule>
  </conditionalFormatting>
  <conditionalFormatting sqref="B4">
    <cfRule type="containsBlanks" dxfId="3" priority="7">
      <formula>LEN(TRIM(B4))=0</formula>
    </cfRule>
  </conditionalFormatting>
  <conditionalFormatting sqref="B5">
    <cfRule type="containsBlanks" dxfId="2" priority="6">
      <formula>LEN(TRIM(B5))=0</formula>
    </cfRule>
  </conditionalFormatting>
  <conditionalFormatting sqref="B202">
    <cfRule type="containsBlanks" dxfId="1" priority="4">
      <formula>LEN(TRIM(B202))=0</formula>
    </cfRule>
  </conditionalFormatting>
  <conditionalFormatting sqref="C128">
    <cfRule type="containsBlanks" dxfId="0" priority="1">
      <formula>LEN(TRIM(C128))=0</formula>
    </cfRule>
  </conditionalFormatting>
  <pageMargins left="0.7" right="0.7" top="0.97499999999999998" bottom="0.75" header="0.3" footer="0.3"/>
  <pageSetup paperSize="9" scale="47"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63" max="4" man="1"/>
    <brk id="117" max="4" man="1"/>
    <brk id="150" max="4" man="1"/>
    <brk id="17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5</xdr:row>
                    <xdr:rowOff>28575</xdr:rowOff>
                  </from>
                  <to>
                    <xdr:col>0</xdr:col>
                    <xdr:colOff>533400</xdr:colOff>
                    <xdr:row>26</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6</xdr:row>
                    <xdr:rowOff>28575</xdr:rowOff>
                  </from>
                  <to>
                    <xdr:col>0</xdr:col>
                    <xdr:colOff>542925</xdr:colOff>
                    <xdr:row>27</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5</xdr:row>
                    <xdr:rowOff>38100</xdr:rowOff>
                  </from>
                  <to>
                    <xdr:col>0</xdr:col>
                    <xdr:colOff>533400</xdr:colOff>
                    <xdr:row>36</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6</xdr:row>
                    <xdr:rowOff>0</xdr:rowOff>
                  </from>
                  <to>
                    <xdr:col>0</xdr:col>
                    <xdr:colOff>52387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9-21T08:37:36Z</cp:lastPrinted>
  <dcterms:created xsi:type="dcterms:W3CDTF">2017-04-21T05:51:15Z</dcterms:created>
  <dcterms:modified xsi:type="dcterms:W3CDTF">2022-09-21T08:37:46Z</dcterms:modified>
</cp:coreProperties>
</file>